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Masters/slideMaster10.xml" ContentType="application/vnd.openxmlformats-officedocument.presentationml.slideMaster+xml"/>
  <Override PartName="/ppt/slideMasters/slideMaster11.xml" ContentType="application/vnd.openxmlformats-officedocument.presentationml.slideMaster+xml"/>
  <Override PartName="/ppt/slideMasters/slideMaster12.xml" ContentType="application/vnd.openxmlformats-officedocument.presentationml.slideMaster+xml"/>
  <Override PartName="/ppt/slideMasters/slideMaster13.xml" ContentType="application/vnd.openxmlformats-officedocument.presentationml.slideMaster+xml"/>
  <Override PartName="/ppt/slideMasters/slideMaster14.xml" ContentType="application/vnd.openxmlformats-officedocument.presentationml.slideMaster+xml"/>
  <Override PartName="/ppt/slideMasters/slideMaster15.xml" ContentType="application/vnd.openxmlformats-officedocument.presentationml.slideMaster+xml"/>
  <Override PartName="/ppt/slideMasters/slideMaster16.xml" ContentType="application/vnd.openxmlformats-officedocument.presentationml.slideMaster+xml"/>
  <Override PartName="/ppt/slideMasters/slideMaster17.xml" ContentType="application/vnd.openxmlformats-officedocument.presentationml.slideMaster+xml"/>
  <Override PartName="/ppt/slideMasters/slideMaster18.xml" ContentType="application/vnd.openxmlformats-officedocument.presentationml.slideMaster+xml"/>
  <Override PartName="/ppt/slideMasters/slideMaster19.xml" ContentType="application/vnd.openxmlformats-officedocument.presentationml.slideMaster+xml"/>
  <Override PartName="/ppt/slideMasters/slideMaster20.xml" ContentType="application/vnd.openxmlformats-officedocument.presentationml.slideMaster+xml"/>
  <Override PartName="/ppt/slideMasters/slideMaster21.xml" ContentType="application/vnd.openxmlformats-officedocument.presentationml.slideMaster+xml"/>
  <Override PartName="/ppt/slideMasters/slideMaster22.xml" ContentType="application/vnd.openxmlformats-officedocument.presentationml.slideMaster+xml"/>
  <Override PartName="/ppt/slideMasters/slideMaster23.xml" ContentType="application/vnd.openxmlformats-officedocument.presentationml.slideMaster+xml"/>
  <Override PartName="/ppt/slideMasters/slideMaster2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3.xml" ContentType="application/vnd.openxmlformats-officedocument.theme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theme/theme4.xml" ContentType="application/vnd.openxmlformats-officedocument.theme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theme/theme5.xml" ContentType="application/vnd.openxmlformats-officedocument.theme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theme/theme6.xml" ContentType="application/vnd.openxmlformats-officedocument.theme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theme/theme7.xml" ContentType="application/vnd.openxmlformats-officedocument.theme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theme/theme8.xml" ContentType="application/vnd.openxmlformats-officedocument.theme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theme/theme9.xml" ContentType="application/vnd.openxmlformats-officedocument.theme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theme/theme10.xml" ContentType="application/vnd.openxmlformats-officedocument.theme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theme/theme11.xml" ContentType="application/vnd.openxmlformats-officedocument.theme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slideLayouts/slideLayout127.xml" ContentType="application/vnd.openxmlformats-officedocument.presentationml.slideLayout+xml"/>
  <Override PartName="/ppt/slideLayouts/slideLayout128.xml" ContentType="application/vnd.openxmlformats-officedocument.presentationml.slideLayout+xml"/>
  <Override PartName="/ppt/slideLayouts/slideLayout129.xml" ContentType="application/vnd.openxmlformats-officedocument.presentationml.slideLayout+xml"/>
  <Override PartName="/ppt/slideLayouts/slideLayout130.xml" ContentType="application/vnd.openxmlformats-officedocument.presentationml.slideLayout+xml"/>
  <Override PartName="/ppt/slideLayouts/slideLayout131.xml" ContentType="application/vnd.openxmlformats-officedocument.presentationml.slideLayout+xml"/>
  <Override PartName="/ppt/slideLayouts/slideLayout132.xml" ContentType="application/vnd.openxmlformats-officedocument.presentationml.slideLayout+xml"/>
  <Override PartName="/ppt/theme/theme12.xml" ContentType="application/vnd.openxmlformats-officedocument.theme+xml"/>
  <Override PartName="/ppt/slideLayouts/slideLayout133.xml" ContentType="application/vnd.openxmlformats-officedocument.presentationml.slideLayout+xml"/>
  <Override PartName="/ppt/slideLayouts/slideLayout134.xml" ContentType="application/vnd.openxmlformats-officedocument.presentationml.slideLayout+xml"/>
  <Override PartName="/ppt/slideLayouts/slideLayout135.xml" ContentType="application/vnd.openxmlformats-officedocument.presentationml.slideLayout+xml"/>
  <Override PartName="/ppt/slideLayouts/slideLayout136.xml" ContentType="application/vnd.openxmlformats-officedocument.presentationml.slideLayout+xml"/>
  <Override PartName="/ppt/slideLayouts/slideLayout137.xml" ContentType="application/vnd.openxmlformats-officedocument.presentationml.slideLayout+xml"/>
  <Override PartName="/ppt/slideLayouts/slideLayout138.xml" ContentType="application/vnd.openxmlformats-officedocument.presentationml.slideLayout+xml"/>
  <Override PartName="/ppt/slideLayouts/slideLayout139.xml" ContentType="application/vnd.openxmlformats-officedocument.presentationml.slideLayout+xml"/>
  <Override PartName="/ppt/slideLayouts/slideLayout140.xml" ContentType="application/vnd.openxmlformats-officedocument.presentationml.slideLayout+xml"/>
  <Override PartName="/ppt/slideLayouts/slideLayout141.xml" ContentType="application/vnd.openxmlformats-officedocument.presentationml.slideLayout+xml"/>
  <Override PartName="/ppt/slideLayouts/slideLayout142.xml" ContentType="application/vnd.openxmlformats-officedocument.presentationml.slideLayout+xml"/>
  <Override PartName="/ppt/slideLayouts/slideLayout143.xml" ContentType="application/vnd.openxmlformats-officedocument.presentationml.slideLayout+xml"/>
  <Override PartName="/ppt/theme/theme13.xml" ContentType="application/vnd.openxmlformats-officedocument.theme+xml"/>
  <Override PartName="/ppt/slideLayouts/slideLayout144.xml" ContentType="application/vnd.openxmlformats-officedocument.presentationml.slideLayout+xml"/>
  <Override PartName="/ppt/slideLayouts/slideLayout145.xml" ContentType="application/vnd.openxmlformats-officedocument.presentationml.slideLayout+xml"/>
  <Override PartName="/ppt/slideLayouts/slideLayout146.xml" ContentType="application/vnd.openxmlformats-officedocument.presentationml.slideLayout+xml"/>
  <Override PartName="/ppt/slideLayouts/slideLayout147.xml" ContentType="application/vnd.openxmlformats-officedocument.presentationml.slideLayout+xml"/>
  <Override PartName="/ppt/slideLayouts/slideLayout148.xml" ContentType="application/vnd.openxmlformats-officedocument.presentationml.slideLayout+xml"/>
  <Override PartName="/ppt/slideLayouts/slideLayout149.xml" ContentType="application/vnd.openxmlformats-officedocument.presentationml.slideLayout+xml"/>
  <Override PartName="/ppt/slideLayouts/slideLayout150.xml" ContentType="application/vnd.openxmlformats-officedocument.presentationml.slideLayout+xml"/>
  <Override PartName="/ppt/slideLayouts/slideLayout151.xml" ContentType="application/vnd.openxmlformats-officedocument.presentationml.slideLayout+xml"/>
  <Override PartName="/ppt/slideLayouts/slideLayout152.xml" ContentType="application/vnd.openxmlformats-officedocument.presentationml.slideLayout+xml"/>
  <Override PartName="/ppt/slideLayouts/slideLayout153.xml" ContentType="application/vnd.openxmlformats-officedocument.presentationml.slideLayout+xml"/>
  <Override PartName="/ppt/slideLayouts/slideLayout154.xml" ContentType="application/vnd.openxmlformats-officedocument.presentationml.slideLayout+xml"/>
  <Override PartName="/ppt/theme/theme14.xml" ContentType="application/vnd.openxmlformats-officedocument.theme+xml"/>
  <Override PartName="/ppt/slideLayouts/slideLayout155.xml" ContentType="application/vnd.openxmlformats-officedocument.presentationml.slideLayout+xml"/>
  <Override PartName="/ppt/slideLayouts/slideLayout156.xml" ContentType="application/vnd.openxmlformats-officedocument.presentationml.slideLayout+xml"/>
  <Override PartName="/ppt/slideLayouts/slideLayout157.xml" ContentType="application/vnd.openxmlformats-officedocument.presentationml.slideLayout+xml"/>
  <Override PartName="/ppt/slideLayouts/slideLayout158.xml" ContentType="application/vnd.openxmlformats-officedocument.presentationml.slideLayout+xml"/>
  <Override PartName="/ppt/slideLayouts/slideLayout159.xml" ContentType="application/vnd.openxmlformats-officedocument.presentationml.slideLayout+xml"/>
  <Override PartName="/ppt/slideLayouts/slideLayout160.xml" ContentType="application/vnd.openxmlformats-officedocument.presentationml.slideLayout+xml"/>
  <Override PartName="/ppt/slideLayouts/slideLayout161.xml" ContentType="application/vnd.openxmlformats-officedocument.presentationml.slideLayout+xml"/>
  <Override PartName="/ppt/slideLayouts/slideLayout162.xml" ContentType="application/vnd.openxmlformats-officedocument.presentationml.slideLayout+xml"/>
  <Override PartName="/ppt/slideLayouts/slideLayout163.xml" ContentType="application/vnd.openxmlformats-officedocument.presentationml.slideLayout+xml"/>
  <Override PartName="/ppt/slideLayouts/slideLayout164.xml" ContentType="application/vnd.openxmlformats-officedocument.presentationml.slideLayout+xml"/>
  <Override PartName="/ppt/slideLayouts/slideLayout165.xml" ContentType="application/vnd.openxmlformats-officedocument.presentationml.slideLayout+xml"/>
  <Override PartName="/ppt/theme/theme15.xml" ContentType="application/vnd.openxmlformats-officedocument.theme+xml"/>
  <Override PartName="/ppt/slideLayouts/slideLayout166.xml" ContentType="application/vnd.openxmlformats-officedocument.presentationml.slideLayout+xml"/>
  <Override PartName="/ppt/slideLayouts/slideLayout167.xml" ContentType="application/vnd.openxmlformats-officedocument.presentationml.slideLayout+xml"/>
  <Override PartName="/ppt/slideLayouts/slideLayout168.xml" ContentType="application/vnd.openxmlformats-officedocument.presentationml.slideLayout+xml"/>
  <Override PartName="/ppt/slideLayouts/slideLayout169.xml" ContentType="application/vnd.openxmlformats-officedocument.presentationml.slideLayout+xml"/>
  <Override PartName="/ppt/slideLayouts/slideLayout170.xml" ContentType="application/vnd.openxmlformats-officedocument.presentationml.slideLayout+xml"/>
  <Override PartName="/ppt/slideLayouts/slideLayout171.xml" ContentType="application/vnd.openxmlformats-officedocument.presentationml.slideLayout+xml"/>
  <Override PartName="/ppt/slideLayouts/slideLayout172.xml" ContentType="application/vnd.openxmlformats-officedocument.presentationml.slideLayout+xml"/>
  <Override PartName="/ppt/slideLayouts/slideLayout173.xml" ContentType="application/vnd.openxmlformats-officedocument.presentationml.slideLayout+xml"/>
  <Override PartName="/ppt/slideLayouts/slideLayout174.xml" ContentType="application/vnd.openxmlformats-officedocument.presentationml.slideLayout+xml"/>
  <Override PartName="/ppt/slideLayouts/slideLayout175.xml" ContentType="application/vnd.openxmlformats-officedocument.presentationml.slideLayout+xml"/>
  <Override PartName="/ppt/slideLayouts/slideLayout176.xml" ContentType="application/vnd.openxmlformats-officedocument.presentationml.slideLayout+xml"/>
  <Override PartName="/ppt/theme/theme16.xml" ContentType="application/vnd.openxmlformats-officedocument.theme+xml"/>
  <Override PartName="/ppt/slideLayouts/slideLayout177.xml" ContentType="application/vnd.openxmlformats-officedocument.presentationml.slideLayout+xml"/>
  <Override PartName="/ppt/slideLayouts/slideLayout178.xml" ContentType="application/vnd.openxmlformats-officedocument.presentationml.slideLayout+xml"/>
  <Override PartName="/ppt/slideLayouts/slideLayout179.xml" ContentType="application/vnd.openxmlformats-officedocument.presentationml.slideLayout+xml"/>
  <Override PartName="/ppt/slideLayouts/slideLayout180.xml" ContentType="application/vnd.openxmlformats-officedocument.presentationml.slideLayout+xml"/>
  <Override PartName="/ppt/slideLayouts/slideLayout181.xml" ContentType="application/vnd.openxmlformats-officedocument.presentationml.slideLayout+xml"/>
  <Override PartName="/ppt/slideLayouts/slideLayout182.xml" ContentType="application/vnd.openxmlformats-officedocument.presentationml.slideLayout+xml"/>
  <Override PartName="/ppt/slideLayouts/slideLayout183.xml" ContentType="application/vnd.openxmlformats-officedocument.presentationml.slideLayout+xml"/>
  <Override PartName="/ppt/slideLayouts/slideLayout184.xml" ContentType="application/vnd.openxmlformats-officedocument.presentationml.slideLayout+xml"/>
  <Override PartName="/ppt/slideLayouts/slideLayout185.xml" ContentType="application/vnd.openxmlformats-officedocument.presentationml.slideLayout+xml"/>
  <Override PartName="/ppt/slideLayouts/slideLayout186.xml" ContentType="application/vnd.openxmlformats-officedocument.presentationml.slideLayout+xml"/>
  <Override PartName="/ppt/slideLayouts/slideLayout187.xml" ContentType="application/vnd.openxmlformats-officedocument.presentationml.slideLayout+xml"/>
  <Override PartName="/ppt/theme/theme17.xml" ContentType="application/vnd.openxmlformats-officedocument.theme+xml"/>
  <Override PartName="/ppt/slideLayouts/slideLayout188.xml" ContentType="application/vnd.openxmlformats-officedocument.presentationml.slideLayout+xml"/>
  <Override PartName="/ppt/slideLayouts/slideLayout189.xml" ContentType="application/vnd.openxmlformats-officedocument.presentationml.slideLayout+xml"/>
  <Override PartName="/ppt/slideLayouts/slideLayout190.xml" ContentType="application/vnd.openxmlformats-officedocument.presentationml.slideLayout+xml"/>
  <Override PartName="/ppt/slideLayouts/slideLayout191.xml" ContentType="application/vnd.openxmlformats-officedocument.presentationml.slideLayout+xml"/>
  <Override PartName="/ppt/slideLayouts/slideLayout192.xml" ContentType="application/vnd.openxmlformats-officedocument.presentationml.slideLayout+xml"/>
  <Override PartName="/ppt/slideLayouts/slideLayout193.xml" ContentType="application/vnd.openxmlformats-officedocument.presentationml.slideLayout+xml"/>
  <Override PartName="/ppt/slideLayouts/slideLayout194.xml" ContentType="application/vnd.openxmlformats-officedocument.presentationml.slideLayout+xml"/>
  <Override PartName="/ppt/slideLayouts/slideLayout195.xml" ContentType="application/vnd.openxmlformats-officedocument.presentationml.slideLayout+xml"/>
  <Override PartName="/ppt/slideLayouts/slideLayout196.xml" ContentType="application/vnd.openxmlformats-officedocument.presentationml.slideLayout+xml"/>
  <Override PartName="/ppt/slideLayouts/slideLayout197.xml" ContentType="application/vnd.openxmlformats-officedocument.presentationml.slideLayout+xml"/>
  <Override PartName="/ppt/slideLayouts/slideLayout198.xml" ContentType="application/vnd.openxmlformats-officedocument.presentationml.slideLayout+xml"/>
  <Override PartName="/ppt/theme/theme18.xml" ContentType="application/vnd.openxmlformats-officedocument.theme+xml"/>
  <Override PartName="/ppt/slideLayouts/slideLayout199.xml" ContentType="application/vnd.openxmlformats-officedocument.presentationml.slideLayout+xml"/>
  <Override PartName="/ppt/slideLayouts/slideLayout200.xml" ContentType="application/vnd.openxmlformats-officedocument.presentationml.slideLayout+xml"/>
  <Override PartName="/ppt/slideLayouts/slideLayout201.xml" ContentType="application/vnd.openxmlformats-officedocument.presentationml.slideLayout+xml"/>
  <Override PartName="/ppt/slideLayouts/slideLayout202.xml" ContentType="application/vnd.openxmlformats-officedocument.presentationml.slideLayout+xml"/>
  <Override PartName="/ppt/slideLayouts/slideLayout203.xml" ContentType="application/vnd.openxmlformats-officedocument.presentationml.slideLayout+xml"/>
  <Override PartName="/ppt/slideLayouts/slideLayout204.xml" ContentType="application/vnd.openxmlformats-officedocument.presentationml.slideLayout+xml"/>
  <Override PartName="/ppt/slideLayouts/slideLayout205.xml" ContentType="application/vnd.openxmlformats-officedocument.presentationml.slideLayout+xml"/>
  <Override PartName="/ppt/slideLayouts/slideLayout206.xml" ContentType="application/vnd.openxmlformats-officedocument.presentationml.slideLayout+xml"/>
  <Override PartName="/ppt/slideLayouts/slideLayout207.xml" ContentType="application/vnd.openxmlformats-officedocument.presentationml.slideLayout+xml"/>
  <Override PartName="/ppt/slideLayouts/slideLayout208.xml" ContentType="application/vnd.openxmlformats-officedocument.presentationml.slideLayout+xml"/>
  <Override PartName="/ppt/slideLayouts/slideLayout209.xml" ContentType="application/vnd.openxmlformats-officedocument.presentationml.slideLayout+xml"/>
  <Override PartName="/ppt/theme/theme19.xml" ContentType="application/vnd.openxmlformats-officedocument.theme+xml"/>
  <Override PartName="/ppt/slideLayouts/slideLayout210.xml" ContentType="application/vnd.openxmlformats-officedocument.presentationml.slideLayout+xml"/>
  <Override PartName="/ppt/slideLayouts/slideLayout211.xml" ContentType="application/vnd.openxmlformats-officedocument.presentationml.slideLayout+xml"/>
  <Override PartName="/ppt/slideLayouts/slideLayout212.xml" ContentType="application/vnd.openxmlformats-officedocument.presentationml.slideLayout+xml"/>
  <Override PartName="/ppt/slideLayouts/slideLayout213.xml" ContentType="application/vnd.openxmlformats-officedocument.presentationml.slideLayout+xml"/>
  <Override PartName="/ppt/slideLayouts/slideLayout214.xml" ContentType="application/vnd.openxmlformats-officedocument.presentationml.slideLayout+xml"/>
  <Override PartName="/ppt/slideLayouts/slideLayout215.xml" ContentType="application/vnd.openxmlformats-officedocument.presentationml.slideLayout+xml"/>
  <Override PartName="/ppt/slideLayouts/slideLayout216.xml" ContentType="application/vnd.openxmlformats-officedocument.presentationml.slideLayout+xml"/>
  <Override PartName="/ppt/slideLayouts/slideLayout217.xml" ContentType="application/vnd.openxmlformats-officedocument.presentationml.slideLayout+xml"/>
  <Override PartName="/ppt/slideLayouts/slideLayout218.xml" ContentType="application/vnd.openxmlformats-officedocument.presentationml.slideLayout+xml"/>
  <Override PartName="/ppt/slideLayouts/slideLayout219.xml" ContentType="application/vnd.openxmlformats-officedocument.presentationml.slideLayout+xml"/>
  <Override PartName="/ppt/slideLayouts/slideLayout220.xml" ContentType="application/vnd.openxmlformats-officedocument.presentationml.slideLayout+xml"/>
  <Override PartName="/ppt/theme/theme20.xml" ContentType="application/vnd.openxmlformats-officedocument.theme+xml"/>
  <Override PartName="/ppt/slideLayouts/slideLayout221.xml" ContentType="application/vnd.openxmlformats-officedocument.presentationml.slideLayout+xml"/>
  <Override PartName="/ppt/slideLayouts/slideLayout222.xml" ContentType="application/vnd.openxmlformats-officedocument.presentationml.slideLayout+xml"/>
  <Override PartName="/ppt/slideLayouts/slideLayout223.xml" ContentType="application/vnd.openxmlformats-officedocument.presentationml.slideLayout+xml"/>
  <Override PartName="/ppt/slideLayouts/slideLayout224.xml" ContentType="application/vnd.openxmlformats-officedocument.presentationml.slideLayout+xml"/>
  <Override PartName="/ppt/slideLayouts/slideLayout225.xml" ContentType="application/vnd.openxmlformats-officedocument.presentationml.slideLayout+xml"/>
  <Override PartName="/ppt/slideLayouts/slideLayout226.xml" ContentType="application/vnd.openxmlformats-officedocument.presentationml.slideLayout+xml"/>
  <Override PartName="/ppt/slideLayouts/slideLayout227.xml" ContentType="application/vnd.openxmlformats-officedocument.presentationml.slideLayout+xml"/>
  <Override PartName="/ppt/slideLayouts/slideLayout228.xml" ContentType="application/vnd.openxmlformats-officedocument.presentationml.slideLayout+xml"/>
  <Override PartName="/ppt/slideLayouts/slideLayout229.xml" ContentType="application/vnd.openxmlformats-officedocument.presentationml.slideLayout+xml"/>
  <Override PartName="/ppt/slideLayouts/slideLayout230.xml" ContentType="application/vnd.openxmlformats-officedocument.presentationml.slideLayout+xml"/>
  <Override PartName="/ppt/slideLayouts/slideLayout231.xml" ContentType="application/vnd.openxmlformats-officedocument.presentationml.slideLayout+xml"/>
  <Override PartName="/ppt/theme/theme21.xml" ContentType="application/vnd.openxmlformats-officedocument.theme+xml"/>
  <Override PartName="/ppt/slideLayouts/slideLayout232.xml" ContentType="application/vnd.openxmlformats-officedocument.presentationml.slideLayout+xml"/>
  <Override PartName="/ppt/slideLayouts/slideLayout233.xml" ContentType="application/vnd.openxmlformats-officedocument.presentationml.slideLayout+xml"/>
  <Override PartName="/ppt/slideLayouts/slideLayout234.xml" ContentType="application/vnd.openxmlformats-officedocument.presentationml.slideLayout+xml"/>
  <Override PartName="/ppt/slideLayouts/slideLayout235.xml" ContentType="application/vnd.openxmlformats-officedocument.presentationml.slideLayout+xml"/>
  <Override PartName="/ppt/slideLayouts/slideLayout236.xml" ContentType="application/vnd.openxmlformats-officedocument.presentationml.slideLayout+xml"/>
  <Override PartName="/ppt/slideLayouts/slideLayout237.xml" ContentType="application/vnd.openxmlformats-officedocument.presentationml.slideLayout+xml"/>
  <Override PartName="/ppt/slideLayouts/slideLayout238.xml" ContentType="application/vnd.openxmlformats-officedocument.presentationml.slideLayout+xml"/>
  <Override PartName="/ppt/slideLayouts/slideLayout239.xml" ContentType="application/vnd.openxmlformats-officedocument.presentationml.slideLayout+xml"/>
  <Override PartName="/ppt/slideLayouts/slideLayout240.xml" ContentType="application/vnd.openxmlformats-officedocument.presentationml.slideLayout+xml"/>
  <Override PartName="/ppt/slideLayouts/slideLayout241.xml" ContentType="application/vnd.openxmlformats-officedocument.presentationml.slideLayout+xml"/>
  <Override PartName="/ppt/slideLayouts/slideLayout242.xml" ContentType="application/vnd.openxmlformats-officedocument.presentationml.slideLayout+xml"/>
  <Override PartName="/ppt/theme/theme22.xml" ContentType="application/vnd.openxmlformats-officedocument.theme+xml"/>
  <Override PartName="/ppt/slideLayouts/slideLayout243.xml" ContentType="application/vnd.openxmlformats-officedocument.presentationml.slideLayout+xml"/>
  <Override PartName="/ppt/slideLayouts/slideLayout244.xml" ContentType="application/vnd.openxmlformats-officedocument.presentationml.slideLayout+xml"/>
  <Override PartName="/ppt/slideLayouts/slideLayout245.xml" ContentType="application/vnd.openxmlformats-officedocument.presentationml.slideLayout+xml"/>
  <Override PartName="/ppt/slideLayouts/slideLayout246.xml" ContentType="application/vnd.openxmlformats-officedocument.presentationml.slideLayout+xml"/>
  <Override PartName="/ppt/slideLayouts/slideLayout247.xml" ContentType="application/vnd.openxmlformats-officedocument.presentationml.slideLayout+xml"/>
  <Override PartName="/ppt/slideLayouts/slideLayout248.xml" ContentType="application/vnd.openxmlformats-officedocument.presentationml.slideLayout+xml"/>
  <Override PartName="/ppt/slideLayouts/slideLayout249.xml" ContentType="application/vnd.openxmlformats-officedocument.presentationml.slideLayout+xml"/>
  <Override PartName="/ppt/slideLayouts/slideLayout250.xml" ContentType="application/vnd.openxmlformats-officedocument.presentationml.slideLayout+xml"/>
  <Override PartName="/ppt/slideLayouts/slideLayout251.xml" ContentType="application/vnd.openxmlformats-officedocument.presentationml.slideLayout+xml"/>
  <Override PartName="/ppt/slideLayouts/slideLayout252.xml" ContentType="application/vnd.openxmlformats-officedocument.presentationml.slideLayout+xml"/>
  <Override PartName="/ppt/slideLayouts/slideLayout253.xml" ContentType="application/vnd.openxmlformats-officedocument.presentationml.slideLayout+xml"/>
  <Override PartName="/ppt/theme/theme23.xml" ContentType="application/vnd.openxmlformats-officedocument.theme+xml"/>
  <Override PartName="/ppt/slideLayouts/slideLayout254.xml" ContentType="application/vnd.openxmlformats-officedocument.presentationml.slideLayout+xml"/>
  <Override PartName="/ppt/slideLayouts/slideLayout255.xml" ContentType="application/vnd.openxmlformats-officedocument.presentationml.slideLayout+xml"/>
  <Override PartName="/ppt/slideLayouts/slideLayout256.xml" ContentType="application/vnd.openxmlformats-officedocument.presentationml.slideLayout+xml"/>
  <Override PartName="/ppt/slideLayouts/slideLayout257.xml" ContentType="application/vnd.openxmlformats-officedocument.presentationml.slideLayout+xml"/>
  <Override PartName="/ppt/slideLayouts/slideLayout258.xml" ContentType="application/vnd.openxmlformats-officedocument.presentationml.slideLayout+xml"/>
  <Override PartName="/ppt/slideLayouts/slideLayout259.xml" ContentType="application/vnd.openxmlformats-officedocument.presentationml.slideLayout+xml"/>
  <Override PartName="/ppt/slideLayouts/slideLayout260.xml" ContentType="application/vnd.openxmlformats-officedocument.presentationml.slideLayout+xml"/>
  <Override PartName="/ppt/slideLayouts/slideLayout261.xml" ContentType="application/vnd.openxmlformats-officedocument.presentationml.slideLayout+xml"/>
  <Override PartName="/ppt/slideLayouts/slideLayout262.xml" ContentType="application/vnd.openxmlformats-officedocument.presentationml.slideLayout+xml"/>
  <Override PartName="/ppt/slideLayouts/slideLayout263.xml" ContentType="application/vnd.openxmlformats-officedocument.presentationml.slideLayout+xml"/>
  <Override PartName="/ppt/slideLayouts/slideLayout264.xml" ContentType="application/vnd.openxmlformats-officedocument.presentationml.slideLayout+xml"/>
  <Override PartName="/ppt/theme/theme24.xml" ContentType="application/vnd.openxmlformats-officedocument.theme+xml"/>
  <Override PartName="/ppt/theme/theme25.xml" ContentType="application/vnd.openxmlformats-officedocument.theme+xml"/>
  <Override PartName="/ppt/theme/theme26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charts/chart1.xml" ContentType="application/vnd.openxmlformats-officedocument.drawingml.chart+xml"/>
  <Override PartName="/ppt/theme/themeOverride1.xml" ContentType="application/vnd.openxmlformats-officedocument.themeOverride+xml"/>
  <Override PartName="/ppt/drawings/drawing1.xml" ContentType="application/vnd.openxmlformats-officedocument.drawingml.chartshape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 autoCompressPictures="0">
  <p:sldMasterIdLst>
    <p:sldMasterId id="2147483658" r:id="rId1"/>
    <p:sldMasterId id="2147483659" r:id="rId2"/>
    <p:sldMasterId id="2147483660" r:id="rId3"/>
    <p:sldMasterId id="2147483661" r:id="rId4"/>
    <p:sldMasterId id="2147483662" r:id="rId5"/>
    <p:sldMasterId id="2147483663" r:id="rId6"/>
    <p:sldMasterId id="2147483664" r:id="rId7"/>
    <p:sldMasterId id="2147483665" r:id="rId8"/>
    <p:sldMasterId id="2147483666" r:id="rId9"/>
    <p:sldMasterId id="2147483667" r:id="rId10"/>
    <p:sldMasterId id="2147483668" r:id="rId11"/>
    <p:sldMasterId id="2147483669" r:id="rId12"/>
    <p:sldMasterId id="2147483670" r:id="rId13"/>
    <p:sldMasterId id="2147483671" r:id="rId14"/>
    <p:sldMasterId id="2147483672" r:id="rId15"/>
    <p:sldMasterId id="2147483673" r:id="rId16"/>
    <p:sldMasterId id="2147483674" r:id="rId17"/>
    <p:sldMasterId id="2147483675" r:id="rId18"/>
    <p:sldMasterId id="2147483676" r:id="rId19"/>
    <p:sldMasterId id="2147483677" r:id="rId20"/>
    <p:sldMasterId id="2147483678" r:id="rId21"/>
    <p:sldMasterId id="2147483679" r:id="rId22"/>
    <p:sldMasterId id="2147483680" r:id="rId23"/>
    <p:sldMasterId id="2147484760" r:id="rId24"/>
  </p:sldMasterIdLst>
  <p:notesMasterIdLst>
    <p:notesMasterId r:id="rId30"/>
  </p:notesMasterIdLst>
  <p:handoutMasterIdLst>
    <p:handoutMasterId r:id="rId31"/>
  </p:handoutMasterIdLst>
  <p:sldIdLst>
    <p:sldId id="403" r:id="rId25"/>
    <p:sldId id="424" r:id="rId26"/>
    <p:sldId id="413" r:id="rId27"/>
    <p:sldId id="336" r:id="rId28"/>
    <p:sldId id="417" r:id="rId29"/>
  </p:sldIdLst>
  <p:sldSz cx="9144000" cy="5715000" type="screen16x10"/>
  <p:notesSz cx="7010400" cy="9296400"/>
  <p:defaultTextStyle>
    <a:defPPr>
      <a:defRPr lang="en-US"/>
    </a:defPPr>
    <a:lvl1pPr algn="ctr" rtl="0" fontAlgn="base">
      <a:spcBef>
        <a:spcPct val="0"/>
      </a:spcBef>
      <a:spcAft>
        <a:spcPct val="0"/>
      </a:spcAft>
      <a:defRPr sz="1900" kern="1200">
        <a:solidFill>
          <a:srgbClr val="49433E"/>
        </a:solidFill>
        <a:latin typeface="Bradley Hand ITC TT-Bold" charset="0"/>
        <a:ea typeface="ヒラギノ明朝 ProN W3" charset="0"/>
        <a:cs typeface="ヒラギノ明朝 ProN W3" charset="0"/>
        <a:sym typeface="Bradley Hand ITC TT-Bold" charset="0"/>
      </a:defRPr>
    </a:lvl1pPr>
    <a:lvl2pPr marL="219075" indent="238125" algn="ctr" rtl="0" fontAlgn="base">
      <a:spcBef>
        <a:spcPct val="0"/>
      </a:spcBef>
      <a:spcAft>
        <a:spcPct val="0"/>
      </a:spcAft>
      <a:defRPr sz="1900" kern="1200">
        <a:solidFill>
          <a:srgbClr val="49433E"/>
        </a:solidFill>
        <a:latin typeface="Bradley Hand ITC TT-Bold" charset="0"/>
        <a:ea typeface="ヒラギノ明朝 ProN W3" charset="0"/>
        <a:cs typeface="ヒラギノ明朝 ProN W3" charset="0"/>
        <a:sym typeface="Bradley Hand ITC TT-Bold" charset="0"/>
      </a:defRPr>
    </a:lvl2pPr>
    <a:lvl3pPr marL="438150" indent="476250" algn="ctr" rtl="0" fontAlgn="base">
      <a:spcBef>
        <a:spcPct val="0"/>
      </a:spcBef>
      <a:spcAft>
        <a:spcPct val="0"/>
      </a:spcAft>
      <a:defRPr sz="1900" kern="1200">
        <a:solidFill>
          <a:srgbClr val="49433E"/>
        </a:solidFill>
        <a:latin typeface="Bradley Hand ITC TT-Bold" charset="0"/>
        <a:ea typeface="ヒラギノ明朝 ProN W3" charset="0"/>
        <a:cs typeface="ヒラギノ明朝 ProN W3" charset="0"/>
        <a:sym typeface="Bradley Hand ITC TT-Bold" charset="0"/>
      </a:defRPr>
    </a:lvl3pPr>
    <a:lvl4pPr marL="658813" indent="712788" algn="ctr" rtl="0" fontAlgn="base">
      <a:spcBef>
        <a:spcPct val="0"/>
      </a:spcBef>
      <a:spcAft>
        <a:spcPct val="0"/>
      </a:spcAft>
      <a:defRPr sz="1900" kern="1200">
        <a:solidFill>
          <a:srgbClr val="49433E"/>
        </a:solidFill>
        <a:latin typeface="Bradley Hand ITC TT-Bold" charset="0"/>
        <a:ea typeface="ヒラギノ明朝 ProN W3" charset="0"/>
        <a:cs typeface="ヒラギノ明朝 ProN W3" charset="0"/>
        <a:sym typeface="Bradley Hand ITC TT-Bold" charset="0"/>
      </a:defRPr>
    </a:lvl4pPr>
    <a:lvl5pPr marL="877888" indent="950913" algn="ctr" rtl="0" fontAlgn="base">
      <a:spcBef>
        <a:spcPct val="0"/>
      </a:spcBef>
      <a:spcAft>
        <a:spcPct val="0"/>
      </a:spcAft>
      <a:defRPr sz="1900" kern="1200">
        <a:solidFill>
          <a:srgbClr val="49433E"/>
        </a:solidFill>
        <a:latin typeface="Bradley Hand ITC TT-Bold" charset="0"/>
        <a:ea typeface="ヒラギノ明朝 ProN W3" charset="0"/>
        <a:cs typeface="ヒラギノ明朝 ProN W3" charset="0"/>
        <a:sym typeface="Bradley Hand ITC TT-Bold" charset="0"/>
      </a:defRPr>
    </a:lvl5pPr>
    <a:lvl6pPr marL="2286000" algn="l" defTabSz="457200" rtl="0" eaLnBrk="1" latinLnBrk="0" hangingPunct="1">
      <a:defRPr sz="1900" kern="1200">
        <a:solidFill>
          <a:srgbClr val="49433E"/>
        </a:solidFill>
        <a:latin typeface="Bradley Hand ITC TT-Bold" charset="0"/>
        <a:ea typeface="ヒラギノ明朝 ProN W3" charset="0"/>
        <a:cs typeface="ヒラギノ明朝 ProN W3" charset="0"/>
        <a:sym typeface="Bradley Hand ITC TT-Bold" charset="0"/>
      </a:defRPr>
    </a:lvl6pPr>
    <a:lvl7pPr marL="2743200" algn="l" defTabSz="457200" rtl="0" eaLnBrk="1" latinLnBrk="0" hangingPunct="1">
      <a:defRPr sz="1900" kern="1200">
        <a:solidFill>
          <a:srgbClr val="49433E"/>
        </a:solidFill>
        <a:latin typeface="Bradley Hand ITC TT-Bold" charset="0"/>
        <a:ea typeface="ヒラギノ明朝 ProN W3" charset="0"/>
        <a:cs typeface="ヒラギノ明朝 ProN W3" charset="0"/>
        <a:sym typeface="Bradley Hand ITC TT-Bold" charset="0"/>
      </a:defRPr>
    </a:lvl7pPr>
    <a:lvl8pPr marL="3200400" algn="l" defTabSz="457200" rtl="0" eaLnBrk="1" latinLnBrk="0" hangingPunct="1">
      <a:defRPr sz="1900" kern="1200">
        <a:solidFill>
          <a:srgbClr val="49433E"/>
        </a:solidFill>
        <a:latin typeface="Bradley Hand ITC TT-Bold" charset="0"/>
        <a:ea typeface="ヒラギノ明朝 ProN W3" charset="0"/>
        <a:cs typeface="ヒラギノ明朝 ProN W3" charset="0"/>
        <a:sym typeface="Bradley Hand ITC TT-Bold" charset="0"/>
      </a:defRPr>
    </a:lvl8pPr>
    <a:lvl9pPr marL="3657600" algn="l" defTabSz="457200" rtl="0" eaLnBrk="1" latinLnBrk="0" hangingPunct="1">
      <a:defRPr sz="1900" kern="1200">
        <a:solidFill>
          <a:srgbClr val="49433E"/>
        </a:solidFill>
        <a:latin typeface="Bradley Hand ITC TT-Bold" charset="0"/>
        <a:ea typeface="ヒラギノ明朝 ProN W3" charset="0"/>
        <a:cs typeface="ヒラギノ明朝 ProN W3" charset="0"/>
        <a:sym typeface="Bradley Hand ITC TT-Bold" charset="0"/>
      </a:defRPr>
    </a:lvl9pPr>
  </p:defaultTextStyle>
  <p:extLst>
    <p:ext uri="{EFAFB233-063F-42B5-8137-9DF3F51BA10A}">
      <p15:sldGuideLst xmlns:p15="http://schemas.microsoft.com/office/powerpoint/2012/main">
        <p15:guide id="1" orient="horz" pos="180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0000"/>
    <a:srgbClr val="33CC33"/>
    <a:srgbClr val="DF1803"/>
    <a:srgbClr val="B40000"/>
    <a:srgbClr val="0000FF"/>
    <a:srgbClr val="272BD9"/>
    <a:srgbClr val="FFFF00"/>
    <a:srgbClr val="FF6600"/>
    <a:srgbClr val="8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10A1B5D5-9B99-4C35-A422-299274C87663}" styleName="Medium Style 1 - Accent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6">
              <a:tint val="20000"/>
            </a:schemeClr>
          </a:solidFill>
        </a:fill>
      </a:tcStyle>
    </a:band1H>
    <a:band1V>
      <a:tcStyle>
        <a:tcBdr/>
        <a:fill>
          <a:solidFill>
            <a:schemeClr val="accent6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606"/>
    <p:restoredTop sz="50000" autoAdjust="0"/>
  </p:normalViewPr>
  <p:slideViewPr>
    <p:cSldViewPr>
      <p:cViewPr varScale="1">
        <p:scale>
          <a:sx n="79" d="100"/>
          <a:sy n="79" d="100"/>
        </p:scale>
        <p:origin x="926" y="77"/>
      </p:cViewPr>
      <p:guideLst>
        <p:guide orient="horz" pos="180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80" d="100"/>
        <a:sy n="8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8.xml"/><Relationship Id="rId13" Type="http://schemas.openxmlformats.org/officeDocument/2006/relationships/slideMaster" Target="slideMasters/slideMaster13.xml"/><Relationship Id="rId18" Type="http://schemas.openxmlformats.org/officeDocument/2006/relationships/slideMaster" Target="slideMasters/slideMaster18.xml"/><Relationship Id="rId26" Type="http://schemas.openxmlformats.org/officeDocument/2006/relationships/slide" Target="slides/slide2.xml"/><Relationship Id="rId3" Type="http://schemas.openxmlformats.org/officeDocument/2006/relationships/slideMaster" Target="slideMasters/slideMaster3.xml"/><Relationship Id="rId21" Type="http://schemas.openxmlformats.org/officeDocument/2006/relationships/slideMaster" Target="slideMasters/slideMaster21.xml"/><Relationship Id="rId34" Type="http://schemas.openxmlformats.org/officeDocument/2006/relationships/theme" Target="theme/theme1.xml"/><Relationship Id="rId7" Type="http://schemas.openxmlformats.org/officeDocument/2006/relationships/slideMaster" Target="slideMasters/slideMaster7.xml"/><Relationship Id="rId12" Type="http://schemas.openxmlformats.org/officeDocument/2006/relationships/slideMaster" Target="slideMasters/slideMaster12.xml"/><Relationship Id="rId17" Type="http://schemas.openxmlformats.org/officeDocument/2006/relationships/slideMaster" Target="slideMasters/slideMaster17.xml"/><Relationship Id="rId25" Type="http://schemas.openxmlformats.org/officeDocument/2006/relationships/slide" Target="slides/slide1.xml"/><Relationship Id="rId33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6" Type="http://schemas.openxmlformats.org/officeDocument/2006/relationships/slideMaster" Target="slideMasters/slideMaster16.xml"/><Relationship Id="rId20" Type="http://schemas.openxmlformats.org/officeDocument/2006/relationships/slideMaster" Target="slideMasters/slideMaster20.xml"/><Relationship Id="rId29" Type="http://schemas.openxmlformats.org/officeDocument/2006/relationships/slide" Target="slides/slide5.xml"/><Relationship Id="rId1" Type="http://schemas.openxmlformats.org/officeDocument/2006/relationships/slideMaster" Target="slideMasters/slideMaster1.xml"/><Relationship Id="rId6" Type="http://schemas.openxmlformats.org/officeDocument/2006/relationships/slideMaster" Target="slideMasters/slideMaster6.xml"/><Relationship Id="rId11" Type="http://schemas.openxmlformats.org/officeDocument/2006/relationships/slideMaster" Target="slideMasters/slideMaster11.xml"/><Relationship Id="rId24" Type="http://schemas.openxmlformats.org/officeDocument/2006/relationships/slideMaster" Target="slideMasters/slideMaster24.xml"/><Relationship Id="rId32" Type="http://schemas.openxmlformats.org/officeDocument/2006/relationships/presProps" Target="presProps.xml"/><Relationship Id="rId5" Type="http://schemas.openxmlformats.org/officeDocument/2006/relationships/slideMaster" Target="slideMasters/slideMaster5.xml"/><Relationship Id="rId15" Type="http://schemas.openxmlformats.org/officeDocument/2006/relationships/slideMaster" Target="slideMasters/slideMaster15.xml"/><Relationship Id="rId23" Type="http://schemas.openxmlformats.org/officeDocument/2006/relationships/slideMaster" Target="slideMasters/slideMaster23.xml"/><Relationship Id="rId28" Type="http://schemas.openxmlformats.org/officeDocument/2006/relationships/slide" Target="slides/slide4.xml"/><Relationship Id="rId10" Type="http://schemas.openxmlformats.org/officeDocument/2006/relationships/slideMaster" Target="slideMasters/slideMaster10.xml"/><Relationship Id="rId19" Type="http://schemas.openxmlformats.org/officeDocument/2006/relationships/slideMaster" Target="slideMasters/slideMaster19.xml"/><Relationship Id="rId31" Type="http://schemas.openxmlformats.org/officeDocument/2006/relationships/handoutMaster" Target="handoutMasters/handoutMaster1.xml"/><Relationship Id="rId4" Type="http://schemas.openxmlformats.org/officeDocument/2006/relationships/slideMaster" Target="slideMasters/slideMaster4.xml"/><Relationship Id="rId9" Type="http://schemas.openxmlformats.org/officeDocument/2006/relationships/slideMaster" Target="slideMasters/slideMaster9.xml"/><Relationship Id="rId14" Type="http://schemas.openxmlformats.org/officeDocument/2006/relationships/slideMaster" Target="slideMasters/slideMaster14.xml"/><Relationship Id="rId22" Type="http://schemas.openxmlformats.org/officeDocument/2006/relationships/slideMaster" Target="slideMasters/slideMaster22.xml"/><Relationship Id="rId27" Type="http://schemas.openxmlformats.org/officeDocument/2006/relationships/slide" Target="slides/slide3.xml"/><Relationship Id="rId30" Type="http://schemas.openxmlformats.org/officeDocument/2006/relationships/notesMaster" Target="notesMasters/notesMaster1.xml"/><Relationship Id="rId35" Type="http://schemas.openxmlformats.org/officeDocument/2006/relationships/tableStyles" Target="tableStyle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chartUserShapes" Target="../drawings/drawing1.xml"/><Relationship Id="rId2" Type="http://schemas.openxmlformats.org/officeDocument/2006/relationships/oleObject" Target="file:///C:\Users\Owner\AppData\Local\Microsoft\Windows\Temporary%20Internet%20Files\Content.Outlook\PQSQQFTO\852-DBRL102018D-G10X-Dev37-85-LIV-rev01.xls" TargetMode="External"/><Relationship Id="rId1" Type="http://schemas.openxmlformats.org/officeDocument/2006/relationships/themeOverride" Target="../theme/themeOverrid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dk1" tx1="lt1" bg2="dk2" tx2="lt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0.107169034019107"/>
          <c:y val="0.11668759346831301"/>
          <c:w val="0.78748102513116003"/>
          <c:h val="0.750085133726759"/>
        </c:manualLayout>
      </c:layout>
      <c:scatterChart>
        <c:scatterStyle val="lineMarker"/>
        <c:varyColors val="0"/>
        <c:ser>
          <c:idx val="1"/>
          <c:order val="1"/>
          <c:tx>
            <c:strRef>
              <c:f>'[852-DBRL102018D-G10X-Dev37-85-LIV-rev01.xls]plot-sheet'!$C$1</c:f>
              <c:strCache>
                <c:ptCount val="1"/>
                <c:pt idx="0">
                  <c:v>30°C</c:v>
                </c:pt>
              </c:strCache>
            </c:strRef>
          </c:tx>
          <c:spPr>
            <a:ln>
              <a:solidFill>
                <a:srgbClr val="00B0F0"/>
              </a:solidFill>
            </a:ln>
          </c:spPr>
          <c:marker>
            <c:symbol val="none"/>
          </c:marker>
          <c:xVal>
            <c:numRef>
              <c:f>'[852-DBRL102018D-G10X-Dev37-85-LIV-rev01.xls]plot-sheet'!$A$2:$A$162</c:f>
              <c:numCache>
                <c:formatCode>General</c:formatCode>
                <c:ptCount val="161"/>
                <c:pt idx="0">
                  <c:v>0</c:v>
                </c:pt>
                <c:pt idx="1">
                  <c:v>5.0000000000000001E-4</c:v>
                </c:pt>
                <c:pt idx="2">
                  <c:v>1E-3</c:v>
                </c:pt>
                <c:pt idx="3">
                  <c:v>1.5E-3</c:v>
                </c:pt>
                <c:pt idx="4">
                  <c:v>2E-3</c:v>
                </c:pt>
                <c:pt idx="5">
                  <c:v>2.5000000000000001E-3</c:v>
                </c:pt>
                <c:pt idx="6">
                  <c:v>3.0000000000000001E-3</c:v>
                </c:pt>
                <c:pt idx="7">
                  <c:v>3.5000000000000001E-3</c:v>
                </c:pt>
                <c:pt idx="8">
                  <c:v>4.0000000000000001E-3</c:v>
                </c:pt>
                <c:pt idx="9">
                  <c:v>4.4999999999999997E-3</c:v>
                </c:pt>
                <c:pt idx="10">
                  <c:v>5.0000000000000001E-3</c:v>
                </c:pt>
                <c:pt idx="11">
                  <c:v>5.4999999999999997E-3</c:v>
                </c:pt>
                <c:pt idx="12">
                  <c:v>6.0000000000000001E-3</c:v>
                </c:pt>
                <c:pt idx="13">
                  <c:v>6.4999999999999997E-3</c:v>
                </c:pt>
                <c:pt idx="14">
                  <c:v>7.0000000000000001E-3</c:v>
                </c:pt>
                <c:pt idx="15">
                  <c:v>7.4999999999999997E-3</c:v>
                </c:pt>
                <c:pt idx="16">
                  <c:v>8.0000000000000002E-3</c:v>
                </c:pt>
                <c:pt idx="17">
                  <c:v>8.5000000000000006E-3</c:v>
                </c:pt>
                <c:pt idx="18">
                  <c:v>8.9999999999999906E-3</c:v>
                </c:pt>
                <c:pt idx="19">
                  <c:v>9.4999999999999998E-3</c:v>
                </c:pt>
                <c:pt idx="20">
                  <c:v>0.01</c:v>
                </c:pt>
                <c:pt idx="21">
                  <c:v>1.0500000000000001E-2</c:v>
                </c:pt>
                <c:pt idx="22">
                  <c:v>1.0999999999999999E-2</c:v>
                </c:pt>
                <c:pt idx="23">
                  <c:v>1.15E-2</c:v>
                </c:pt>
                <c:pt idx="24">
                  <c:v>1.2E-2</c:v>
                </c:pt>
                <c:pt idx="25">
                  <c:v>1.2500000000000001E-2</c:v>
                </c:pt>
                <c:pt idx="26">
                  <c:v>1.2999999999999999E-2</c:v>
                </c:pt>
                <c:pt idx="27">
                  <c:v>1.35E-2</c:v>
                </c:pt>
                <c:pt idx="28">
                  <c:v>1.4E-2</c:v>
                </c:pt>
                <c:pt idx="29">
                  <c:v>1.4500000000000001E-2</c:v>
                </c:pt>
                <c:pt idx="30">
                  <c:v>1.4999999999999999E-2</c:v>
                </c:pt>
                <c:pt idx="31">
                  <c:v>1.55E-2</c:v>
                </c:pt>
                <c:pt idx="32">
                  <c:v>1.6E-2</c:v>
                </c:pt>
                <c:pt idx="33">
                  <c:v>1.6500000000000001E-2</c:v>
                </c:pt>
                <c:pt idx="34">
                  <c:v>1.7000000000000001E-2</c:v>
                </c:pt>
                <c:pt idx="35">
                  <c:v>1.7500000000000002E-2</c:v>
                </c:pt>
                <c:pt idx="36">
                  <c:v>1.7999999999999999E-2</c:v>
                </c:pt>
                <c:pt idx="37">
                  <c:v>1.8499999999999999E-2</c:v>
                </c:pt>
                <c:pt idx="38">
                  <c:v>1.9E-2</c:v>
                </c:pt>
                <c:pt idx="39">
                  <c:v>1.95E-2</c:v>
                </c:pt>
                <c:pt idx="40">
                  <c:v>0.02</c:v>
                </c:pt>
                <c:pt idx="41">
                  <c:v>2.0500000000000001E-2</c:v>
                </c:pt>
                <c:pt idx="42">
                  <c:v>2.1000000000000001E-2</c:v>
                </c:pt>
                <c:pt idx="43">
                  <c:v>2.1499999999999998E-2</c:v>
                </c:pt>
                <c:pt idx="44">
                  <c:v>2.1999999999999999E-2</c:v>
                </c:pt>
                <c:pt idx="45">
                  <c:v>2.2499999999999999E-2</c:v>
                </c:pt>
                <c:pt idx="46">
                  <c:v>2.3E-2</c:v>
                </c:pt>
                <c:pt idx="47">
                  <c:v>2.35E-2</c:v>
                </c:pt>
                <c:pt idx="48">
                  <c:v>2.4E-2</c:v>
                </c:pt>
                <c:pt idx="49">
                  <c:v>2.4500000000000001E-2</c:v>
                </c:pt>
                <c:pt idx="50">
                  <c:v>2.5000000000000001E-2</c:v>
                </c:pt>
                <c:pt idx="51">
                  <c:v>2.5499999999999998E-2</c:v>
                </c:pt>
                <c:pt idx="52">
                  <c:v>2.5999999999999999E-2</c:v>
                </c:pt>
                <c:pt idx="53">
                  <c:v>2.6499999999999999E-2</c:v>
                </c:pt>
                <c:pt idx="54">
                  <c:v>2.7E-2</c:v>
                </c:pt>
                <c:pt idx="55">
                  <c:v>2.75E-2</c:v>
                </c:pt>
                <c:pt idx="56">
                  <c:v>2.8000000000000001E-2</c:v>
                </c:pt>
                <c:pt idx="57">
                  <c:v>2.8500000000000001E-2</c:v>
                </c:pt>
                <c:pt idx="58">
                  <c:v>2.9000000000000001E-2</c:v>
                </c:pt>
                <c:pt idx="59">
                  <c:v>2.9499999999999998E-2</c:v>
                </c:pt>
                <c:pt idx="60">
                  <c:v>0.03</c:v>
                </c:pt>
                <c:pt idx="61">
                  <c:v>3.0499999999999999E-2</c:v>
                </c:pt>
                <c:pt idx="62">
                  <c:v>3.1E-2</c:v>
                </c:pt>
                <c:pt idx="63">
                  <c:v>3.15E-2</c:v>
                </c:pt>
                <c:pt idx="64">
                  <c:v>3.2000000000000001E-2</c:v>
                </c:pt>
                <c:pt idx="65">
                  <c:v>3.2500000000000001E-2</c:v>
                </c:pt>
                <c:pt idx="66">
                  <c:v>3.3000000000000002E-2</c:v>
                </c:pt>
                <c:pt idx="67">
                  <c:v>3.3500000000000002E-2</c:v>
                </c:pt>
                <c:pt idx="68">
                  <c:v>3.4000000000000002E-2</c:v>
                </c:pt>
                <c:pt idx="69">
                  <c:v>3.4500000000000003E-2</c:v>
                </c:pt>
                <c:pt idx="70">
                  <c:v>3.5000000000000003E-2</c:v>
                </c:pt>
                <c:pt idx="71">
                  <c:v>3.5499999999999997E-2</c:v>
                </c:pt>
                <c:pt idx="72">
                  <c:v>3.5999999999999997E-2</c:v>
                </c:pt>
                <c:pt idx="73">
                  <c:v>3.6499999999999998E-2</c:v>
                </c:pt>
                <c:pt idx="74">
                  <c:v>3.6999999999999998E-2</c:v>
                </c:pt>
                <c:pt idx="75">
                  <c:v>3.7499999999999999E-2</c:v>
                </c:pt>
                <c:pt idx="76">
                  <c:v>3.7999999999999999E-2</c:v>
                </c:pt>
                <c:pt idx="77">
                  <c:v>3.85E-2</c:v>
                </c:pt>
                <c:pt idx="78">
                  <c:v>3.9E-2</c:v>
                </c:pt>
                <c:pt idx="79">
                  <c:v>3.95E-2</c:v>
                </c:pt>
                <c:pt idx="80">
                  <c:v>0.04</c:v>
                </c:pt>
                <c:pt idx="81">
                  <c:v>4.0500000000000001E-2</c:v>
                </c:pt>
                <c:pt idx="82">
                  <c:v>4.1000000000000002E-2</c:v>
                </c:pt>
                <c:pt idx="83">
                  <c:v>4.1500000000000002E-2</c:v>
                </c:pt>
                <c:pt idx="84">
                  <c:v>4.2000000000000003E-2</c:v>
                </c:pt>
                <c:pt idx="85">
                  <c:v>4.2500000000000003E-2</c:v>
                </c:pt>
                <c:pt idx="86">
                  <c:v>4.2999999999999997E-2</c:v>
                </c:pt>
                <c:pt idx="87">
                  <c:v>4.3499999999999997E-2</c:v>
                </c:pt>
                <c:pt idx="88">
                  <c:v>4.3999999999999997E-2</c:v>
                </c:pt>
                <c:pt idx="89">
                  <c:v>4.4499999999999998E-2</c:v>
                </c:pt>
                <c:pt idx="90">
                  <c:v>4.4999999999999998E-2</c:v>
                </c:pt>
                <c:pt idx="91">
                  <c:v>4.5499999999999999E-2</c:v>
                </c:pt>
                <c:pt idx="92">
                  <c:v>4.5999999999999999E-2</c:v>
                </c:pt>
                <c:pt idx="93">
                  <c:v>4.65E-2</c:v>
                </c:pt>
                <c:pt idx="94">
                  <c:v>4.7E-2</c:v>
                </c:pt>
                <c:pt idx="95">
                  <c:v>4.7500000000000001E-2</c:v>
                </c:pt>
                <c:pt idx="96">
                  <c:v>4.8000000000000001E-2</c:v>
                </c:pt>
                <c:pt idx="97">
                  <c:v>4.8500000000000001E-2</c:v>
                </c:pt>
                <c:pt idx="98">
                  <c:v>4.9000000000000002E-2</c:v>
                </c:pt>
                <c:pt idx="99">
                  <c:v>4.9500000000000002E-2</c:v>
                </c:pt>
                <c:pt idx="100">
                  <c:v>0.05</c:v>
                </c:pt>
                <c:pt idx="101">
                  <c:v>5.0500000000000003E-2</c:v>
                </c:pt>
                <c:pt idx="102">
                  <c:v>5.0999999999999997E-2</c:v>
                </c:pt>
                <c:pt idx="103">
                  <c:v>5.1499999999999997E-2</c:v>
                </c:pt>
                <c:pt idx="104">
                  <c:v>5.1999999999999998E-2</c:v>
                </c:pt>
                <c:pt idx="105">
                  <c:v>5.2499999999999998E-2</c:v>
                </c:pt>
                <c:pt idx="106">
                  <c:v>5.2999999999999999E-2</c:v>
                </c:pt>
                <c:pt idx="107">
                  <c:v>5.3499999999999999E-2</c:v>
                </c:pt>
                <c:pt idx="108">
                  <c:v>5.3999999999999999E-2</c:v>
                </c:pt>
                <c:pt idx="109">
                  <c:v>5.45E-2</c:v>
                </c:pt>
                <c:pt idx="110">
                  <c:v>5.5E-2</c:v>
                </c:pt>
                <c:pt idx="111">
                  <c:v>5.5500000000000001E-2</c:v>
                </c:pt>
                <c:pt idx="112">
                  <c:v>5.6000000000000001E-2</c:v>
                </c:pt>
                <c:pt idx="113">
                  <c:v>5.6500000000000002E-2</c:v>
                </c:pt>
                <c:pt idx="114">
                  <c:v>5.7000000000000002E-2</c:v>
                </c:pt>
                <c:pt idx="115">
                  <c:v>5.7500000000000002E-2</c:v>
                </c:pt>
                <c:pt idx="116">
                  <c:v>5.8000000000000003E-2</c:v>
                </c:pt>
                <c:pt idx="117">
                  <c:v>5.8500000000000003E-2</c:v>
                </c:pt>
                <c:pt idx="118">
                  <c:v>5.8999999999999997E-2</c:v>
                </c:pt>
                <c:pt idx="119">
                  <c:v>5.9499999999999997E-2</c:v>
                </c:pt>
                <c:pt idx="120">
                  <c:v>0.06</c:v>
                </c:pt>
                <c:pt idx="121">
                  <c:v>6.0499999999999998E-2</c:v>
                </c:pt>
                <c:pt idx="122">
                  <c:v>6.0999999999999999E-2</c:v>
                </c:pt>
                <c:pt idx="123">
                  <c:v>6.1499999999999999E-2</c:v>
                </c:pt>
                <c:pt idx="124">
                  <c:v>6.2E-2</c:v>
                </c:pt>
                <c:pt idx="125">
                  <c:v>6.25E-2</c:v>
                </c:pt>
                <c:pt idx="126">
                  <c:v>6.3E-2</c:v>
                </c:pt>
                <c:pt idx="127">
                  <c:v>6.3500000000000001E-2</c:v>
                </c:pt>
                <c:pt idx="128">
                  <c:v>6.4000000000000001E-2</c:v>
                </c:pt>
                <c:pt idx="129">
                  <c:v>6.4500000000000002E-2</c:v>
                </c:pt>
                <c:pt idx="130">
                  <c:v>6.5000000000000002E-2</c:v>
                </c:pt>
                <c:pt idx="131">
                  <c:v>6.5500000000000003E-2</c:v>
                </c:pt>
                <c:pt idx="132">
                  <c:v>6.6000000000000003E-2</c:v>
                </c:pt>
                <c:pt idx="133">
                  <c:v>6.6500000000000004E-2</c:v>
                </c:pt>
                <c:pt idx="134">
                  <c:v>6.7000000000000004E-2</c:v>
                </c:pt>
                <c:pt idx="135">
                  <c:v>6.7500000000000004E-2</c:v>
                </c:pt>
                <c:pt idx="136">
                  <c:v>6.8000000000000005E-2</c:v>
                </c:pt>
                <c:pt idx="137">
                  <c:v>6.8500000000000005E-2</c:v>
                </c:pt>
                <c:pt idx="138">
                  <c:v>6.9000000000000006E-2</c:v>
                </c:pt>
                <c:pt idx="139">
                  <c:v>6.9500000000000006E-2</c:v>
                </c:pt>
                <c:pt idx="140">
                  <c:v>7.0000000000000007E-2</c:v>
                </c:pt>
                <c:pt idx="141">
                  <c:v>7.0499999999999896E-2</c:v>
                </c:pt>
                <c:pt idx="142">
                  <c:v>7.0999999999999897E-2</c:v>
                </c:pt>
                <c:pt idx="143">
                  <c:v>7.1499999999999897E-2</c:v>
                </c:pt>
                <c:pt idx="144">
                  <c:v>7.1999999999999995E-2</c:v>
                </c:pt>
                <c:pt idx="145">
                  <c:v>7.2499999999999995E-2</c:v>
                </c:pt>
                <c:pt idx="146">
                  <c:v>7.2999999999999995E-2</c:v>
                </c:pt>
                <c:pt idx="147">
                  <c:v>7.3499999999999996E-2</c:v>
                </c:pt>
                <c:pt idx="148">
                  <c:v>7.3999999999999996E-2</c:v>
                </c:pt>
                <c:pt idx="149">
                  <c:v>7.4499999999999997E-2</c:v>
                </c:pt>
                <c:pt idx="150">
                  <c:v>7.4999999999999997E-2</c:v>
                </c:pt>
                <c:pt idx="151">
                  <c:v>7.5499999999999998E-2</c:v>
                </c:pt>
                <c:pt idx="152">
                  <c:v>7.5999999999999998E-2</c:v>
                </c:pt>
                <c:pt idx="153">
                  <c:v>7.6499999999999999E-2</c:v>
                </c:pt>
                <c:pt idx="154">
                  <c:v>7.6999999999999999E-2</c:v>
                </c:pt>
                <c:pt idx="155">
                  <c:v>7.7499999999999999E-2</c:v>
                </c:pt>
                <c:pt idx="156">
                  <c:v>7.8E-2</c:v>
                </c:pt>
                <c:pt idx="157">
                  <c:v>7.85E-2</c:v>
                </c:pt>
                <c:pt idx="158">
                  <c:v>7.9000000000000001E-2</c:v>
                </c:pt>
                <c:pt idx="159">
                  <c:v>7.9500000000000001E-2</c:v>
                </c:pt>
                <c:pt idx="160">
                  <c:v>0.08</c:v>
                </c:pt>
              </c:numCache>
            </c:numRef>
          </c:xVal>
          <c:yVal>
            <c:numRef>
              <c:f>'[852-DBRL102018D-G10X-Dev37-85-LIV-rev01.xls]plot-sheet'!$C$2:$C$162</c:f>
              <c:numCache>
                <c:formatCode>General</c:formatCode>
                <c:ptCount val="161"/>
                <c:pt idx="0">
                  <c:v>3.1403120113156002E-4</c:v>
                </c:pt>
                <c:pt idx="1">
                  <c:v>3.1124556757102699E-4</c:v>
                </c:pt>
                <c:pt idx="2">
                  <c:v>3.1858105492316797E-4</c:v>
                </c:pt>
                <c:pt idx="3">
                  <c:v>3.21830911626844E-4</c:v>
                </c:pt>
                <c:pt idx="4">
                  <c:v>3.2155235053772701E-4</c:v>
                </c:pt>
                <c:pt idx="5">
                  <c:v>3.2127378944860898E-4</c:v>
                </c:pt>
                <c:pt idx="6">
                  <c:v>3.2294515598331301E-4</c:v>
                </c:pt>
                <c:pt idx="7">
                  <c:v>3.2573081221320499E-4</c:v>
                </c:pt>
                <c:pt idx="8">
                  <c:v>3.2860927680075002E-4</c:v>
                </c:pt>
                <c:pt idx="9">
                  <c:v>3.3204486356653001E-4</c:v>
                </c:pt>
                <c:pt idx="10">
                  <c:v>3.3167338077296198E-4</c:v>
                </c:pt>
                <c:pt idx="11">
                  <c:v>3.3288045615644402E-4</c:v>
                </c:pt>
                <c:pt idx="12">
                  <c:v>3.3668754838515202E-4</c:v>
                </c:pt>
                <c:pt idx="13">
                  <c:v>3.4207297209731498E-4</c:v>
                </c:pt>
                <c:pt idx="14">
                  <c:v>3.5061555750229702E-4</c:v>
                </c:pt>
                <c:pt idx="15">
                  <c:v>3.5126551070754501E-4</c:v>
                </c:pt>
                <c:pt idx="16">
                  <c:v>3.60179465559298E-4</c:v>
                </c:pt>
                <c:pt idx="17">
                  <c:v>3.6370797402952902E-4</c:v>
                </c:pt>
                <c:pt idx="18">
                  <c:v>3.6770059229610598E-4</c:v>
                </c:pt>
                <c:pt idx="19">
                  <c:v>3.7698605261078698E-4</c:v>
                </c:pt>
                <c:pt idx="20">
                  <c:v>3.82835790143531E-4</c:v>
                </c:pt>
                <c:pt idx="21">
                  <c:v>3.92399720869891E-4</c:v>
                </c:pt>
                <c:pt idx="22">
                  <c:v>4.0279928952488401E-4</c:v>
                </c:pt>
                <c:pt idx="23">
                  <c:v>4.1338465625005997E-4</c:v>
                </c:pt>
                <c:pt idx="24">
                  <c:v>4.1672743465818698E-4</c:v>
                </c:pt>
                <c:pt idx="25">
                  <c:v>4.2814834863455801E-4</c:v>
                </c:pt>
                <c:pt idx="26">
                  <c:v>4.40869395715019E-4</c:v>
                </c:pt>
                <c:pt idx="27">
                  <c:v>4.5284747720834297E-4</c:v>
                </c:pt>
                <c:pt idx="28">
                  <c:v>4.6157577000607099E-4</c:v>
                </c:pt>
                <c:pt idx="29">
                  <c:v>4.7030397212635997E-4</c:v>
                </c:pt>
                <c:pt idx="30">
                  <c:v>4.9407447305898397E-4</c:v>
                </c:pt>
                <c:pt idx="31">
                  <c:v>5.2490199093206799E-4</c:v>
                </c:pt>
                <c:pt idx="32">
                  <c:v>5.7365013618887505E-4</c:v>
                </c:pt>
                <c:pt idx="33">
                  <c:v>6.5833270728053196E-4</c:v>
                </c:pt>
                <c:pt idx="34">
                  <c:v>8.6976057392055704E-4</c:v>
                </c:pt>
                <c:pt idx="35">
                  <c:v>1.0917736712695999E-3</c:v>
                </c:pt>
                <c:pt idx="36">
                  <c:v>1.45668897004556E-3</c:v>
                </c:pt>
                <c:pt idx="37">
                  <c:v>1.85540274226878E-3</c:v>
                </c:pt>
                <c:pt idx="38">
                  <c:v>2.2987785983825098E-3</c:v>
                </c:pt>
                <c:pt idx="39">
                  <c:v>2.7158774024874698E-3</c:v>
                </c:pt>
                <c:pt idx="40">
                  <c:v>3.1183060479850798E-3</c:v>
                </c:pt>
                <c:pt idx="41">
                  <c:v>3.4923200115537299E-3</c:v>
                </c:pt>
                <c:pt idx="42">
                  <c:v>3.8787778212752899E-3</c:v>
                </c:pt>
                <c:pt idx="43">
                  <c:v>4.27999791788106E-3</c:v>
                </c:pt>
                <c:pt idx="44">
                  <c:v>4.67806171422967E-3</c:v>
                </c:pt>
                <c:pt idx="45">
                  <c:v>5.0892182444765401E-3</c:v>
                </c:pt>
                <c:pt idx="46">
                  <c:v>5.4040847661657003E-3</c:v>
                </c:pt>
                <c:pt idx="47">
                  <c:v>5.7888704839330497E-3</c:v>
                </c:pt>
                <c:pt idx="48">
                  <c:v>6.1697567091625197E-3</c:v>
                </c:pt>
                <c:pt idx="49">
                  <c:v>6.5588136969629996E-3</c:v>
                </c:pt>
                <c:pt idx="50">
                  <c:v>6.9623558613975799E-3</c:v>
                </c:pt>
                <c:pt idx="51">
                  <c:v>7.3699843138920603E-3</c:v>
                </c:pt>
                <c:pt idx="52">
                  <c:v>7.7324844191105201E-3</c:v>
                </c:pt>
                <c:pt idx="53">
                  <c:v>8.12052074167041E-3</c:v>
                </c:pt>
                <c:pt idx="54">
                  <c:v>8.5322333059662699E-3</c:v>
                </c:pt>
                <c:pt idx="55">
                  <c:v>8.9353112019189898E-3</c:v>
                </c:pt>
                <c:pt idx="56">
                  <c:v>9.3571455445389407E-3</c:v>
                </c:pt>
                <c:pt idx="57">
                  <c:v>9.6926259495325306E-3</c:v>
                </c:pt>
                <c:pt idx="58">
                  <c:v>1.0106012056621601E-2</c:v>
                </c:pt>
                <c:pt idx="59">
                  <c:v>1.05034200737395E-2</c:v>
                </c:pt>
                <c:pt idx="60">
                  <c:v>1.09088236646186E-2</c:v>
                </c:pt>
                <c:pt idx="61">
                  <c:v>1.1305772491191199E-2</c:v>
                </c:pt>
                <c:pt idx="62">
                  <c:v>1.17154437250059E-2</c:v>
                </c:pt>
                <c:pt idx="63">
                  <c:v>1.20804487037679E-2</c:v>
                </c:pt>
                <c:pt idx="64">
                  <c:v>1.2462363211142699E-2</c:v>
                </c:pt>
                <c:pt idx="65">
                  <c:v>1.2870638012414301E-2</c:v>
                </c:pt>
                <c:pt idx="66">
                  <c:v>1.3272881675938699E-2</c:v>
                </c:pt>
                <c:pt idx="67">
                  <c:v>1.36948959225954E-2</c:v>
                </c:pt>
                <c:pt idx="68">
                  <c:v>1.4101505160688199E-2</c:v>
                </c:pt>
                <c:pt idx="69">
                  <c:v>1.44247259760827E-2</c:v>
                </c:pt>
                <c:pt idx="70">
                  <c:v>1.4835702239583101E-2</c:v>
                </c:pt>
                <c:pt idx="71">
                  <c:v>1.52371087690011E-2</c:v>
                </c:pt>
                <c:pt idx="72">
                  <c:v>1.5627188598300701E-2</c:v>
                </c:pt>
                <c:pt idx="73">
                  <c:v>1.6036201876626199E-2</c:v>
                </c:pt>
                <c:pt idx="74">
                  <c:v>1.6406131002974E-2</c:v>
                </c:pt>
                <c:pt idx="75">
                  <c:v>1.67872083762424E-2</c:v>
                </c:pt>
                <c:pt idx="76">
                  <c:v>1.7201235754172099E-2</c:v>
                </c:pt>
                <c:pt idx="77">
                  <c:v>1.7600329646214798E-2</c:v>
                </c:pt>
                <c:pt idx="78">
                  <c:v>1.8026619515421598E-2</c:v>
                </c:pt>
                <c:pt idx="79">
                  <c:v>1.84372185607805E-2</c:v>
                </c:pt>
                <c:pt idx="80">
                  <c:v>1.8763877864618701E-2</c:v>
                </c:pt>
                <c:pt idx="81">
                  <c:v>1.9169919824660299E-2</c:v>
                </c:pt>
                <c:pt idx="82">
                  <c:v>1.95888829568878E-2</c:v>
                </c:pt>
                <c:pt idx="83">
                  <c:v>1.9977008506046501E-2</c:v>
                </c:pt>
                <c:pt idx="84">
                  <c:v>2.03902988577612E-2</c:v>
                </c:pt>
                <c:pt idx="85">
                  <c:v>2.0804706355510402E-2</c:v>
                </c:pt>
                <c:pt idx="86">
                  <c:v>2.1135084159720499E-2</c:v>
                </c:pt>
                <c:pt idx="87">
                  <c:v>2.15443774499741E-2</c:v>
                </c:pt>
                <c:pt idx="88">
                  <c:v>2.1941235599108901E-2</c:v>
                </c:pt>
                <c:pt idx="89">
                  <c:v>2.2356660135001202E-2</c:v>
                </c:pt>
                <c:pt idx="90">
                  <c:v>2.27677263505199E-2</c:v>
                </c:pt>
                <c:pt idx="91">
                  <c:v>2.3094297153178799E-2</c:v>
                </c:pt>
                <c:pt idx="92">
                  <c:v>2.3500059101292301E-2</c:v>
                </c:pt>
                <c:pt idx="93">
                  <c:v>2.3904625558064999E-2</c:v>
                </c:pt>
                <c:pt idx="94">
                  <c:v>2.42974880965777E-2</c:v>
                </c:pt>
                <c:pt idx="95">
                  <c:v>2.4695641844944698E-2</c:v>
                </c:pt>
                <c:pt idx="96">
                  <c:v>2.51121922319054E-2</c:v>
                </c:pt>
                <c:pt idx="97">
                  <c:v>2.5429470410732E-2</c:v>
                </c:pt>
                <c:pt idx="98">
                  <c:v>2.5848246384727699E-2</c:v>
                </c:pt>
                <c:pt idx="99">
                  <c:v>2.62356233009595E-2</c:v>
                </c:pt>
                <c:pt idx="100">
                  <c:v>2.66569991784536E-2</c:v>
                </c:pt>
                <c:pt idx="101">
                  <c:v>2.70487431200928E-2</c:v>
                </c:pt>
                <c:pt idx="102">
                  <c:v>2.7456469504220201E-2</c:v>
                </c:pt>
                <c:pt idx="103">
                  <c:v>2.7783500222843899E-2</c:v>
                </c:pt>
                <c:pt idx="104">
                  <c:v>2.8179242676783199E-2</c:v>
                </c:pt>
                <c:pt idx="105">
                  <c:v>2.8570528153296599E-2</c:v>
                </c:pt>
                <c:pt idx="106">
                  <c:v>2.8967379048236399E-2</c:v>
                </c:pt>
                <c:pt idx="107">
                  <c:v>2.93700884310816E-2</c:v>
                </c:pt>
                <c:pt idx="108">
                  <c:v>2.9685602389677102E-2</c:v>
                </c:pt>
                <c:pt idx="109">
                  <c:v>3.0076977818208901E-2</c:v>
                </c:pt>
                <c:pt idx="110">
                  <c:v>3.0481175761874101E-2</c:v>
                </c:pt>
                <c:pt idx="111">
                  <c:v>3.08881564147525E-2</c:v>
                </c:pt>
                <c:pt idx="112">
                  <c:v>3.1277857575071497E-2</c:v>
                </c:pt>
                <c:pt idx="113">
                  <c:v>3.1670907271815998E-2</c:v>
                </c:pt>
                <c:pt idx="114">
                  <c:v>3.19904197427116E-2</c:v>
                </c:pt>
                <c:pt idx="115">
                  <c:v>3.2391913322470003E-2</c:v>
                </c:pt>
                <c:pt idx="116">
                  <c:v>3.2781344626733898E-2</c:v>
                </c:pt>
                <c:pt idx="117">
                  <c:v>3.31642761722519E-2</c:v>
                </c:pt>
                <c:pt idx="118">
                  <c:v>3.3559092990905398E-2</c:v>
                </c:pt>
                <c:pt idx="119">
                  <c:v>3.3866810140683698E-2</c:v>
                </c:pt>
                <c:pt idx="120">
                  <c:v>3.4240537563548702E-2</c:v>
                </c:pt>
                <c:pt idx="121">
                  <c:v>3.4600450097400301E-2</c:v>
                </c:pt>
                <c:pt idx="122">
                  <c:v>3.4983927158384401E-2</c:v>
                </c:pt>
                <c:pt idx="123">
                  <c:v>3.5369830022186202E-2</c:v>
                </c:pt>
                <c:pt idx="124">
                  <c:v>3.57472773962621E-2</c:v>
                </c:pt>
                <c:pt idx="125">
                  <c:v>3.6048773348383398E-2</c:v>
                </c:pt>
                <c:pt idx="126">
                  <c:v>3.64194511076582E-2</c:v>
                </c:pt>
                <c:pt idx="127">
                  <c:v>3.6757070049346301E-2</c:v>
                </c:pt>
                <c:pt idx="128">
                  <c:v>3.7121793565341198E-2</c:v>
                </c:pt>
                <c:pt idx="129">
                  <c:v>3.7488652716352697E-2</c:v>
                </c:pt>
                <c:pt idx="130">
                  <c:v>3.78360212961599E-2</c:v>
                </c:pt>
                <c:pt idx="131">
                  <c:v>3.8118853655310397E-2</c:v>
                </c:pt>
                <c:pt idx="132">
                  <c:v>3.8454525571052701E-2</c:v>
                </c:pt>
                <c:pt idx="133">
                  <c:v>3.8788703122619103E-2</c:v>
                </c:pt>
                <c:pt idx="134">
                  <c:v>3.9134397434213701E-2</c:v>
                </c:pt>
                <c:pt idx="135">
                  <c:v>4.0663509204396799E-2</c:v>
                </c:pt>
                <c:pt idx="136">
                  <c:v>4.0991845678125798E-2</c:v>
                </c:pt>
                <c:pt idx="137">
                  <c:v>4.1414794265102202E-2</c:v>
                </c:pt>
                <c:pt idx="138">
                  <c:v>4.18187948946626E-2</c:v>
                </c:pt>
                <c:pt idx="139">
                  <c:v>4.2234408039625602E-2</c:v>
                </c:pt>
                <c:pt idx="140">
                  <c:v>4.26586652833853E-2</c:v>
                </c:pt>
                <c:pt idx="141">
                  <c:v>4.3044098075349202E-2</c:v>
                </c:pt>
                <c:pt idx="142">
                  <c:v>4.3404736028703698E-2</c:v>
                </c:pt>
                <c:pt idx="143">
                  <c:v>4.3817009342275302E-2</c:v>
                </c:pt>
                <c:pt idx="144">
                  <c:v>4.42454333956597E-2</c:v>
                </c:pt>
                <c:pt idx="145">
                  <c:v>4.4648047023130598E-2</c:v>
                </c:pt>
                <c:pt idx="146">
                  <c:v>4.5061626091807402E-2</c:v>
                </c:pt>
                <c:pt idx="147">
                  <c:v>4.5455134253677698E-2</c:v>
                </c:pt>
                <c:pt idx="148">
                  <c:v>4.5797488733880898E-2</c:v>
                </c:pt>
                <c:pt idx="149">
                  <c:v>4.6182642964755702E-2</c:v>
                </c:pt>
                <c:pt idx="150">
                  <c:v>4.6601505989091803E-2</c:v>
                </c:pt>
                <c:pt idx="151">
                  <c:v>4.701442637686E-2</c:v>
                </c:pt>
                <c:pt idx="152">
                  <c:v>4.7402461974000401E-2</c:v>
                </c:pt>
                <c:pt idx="153">
                  <c:v>4.7737666719582801E-2</c:v>
                </c:pt>
                <c:pt idx="154">
                  <c:v>4.8134894832664102E-2</c:v>
                </c:pt>
                <c:pt idx="155">
                  <c:v>4.8548743757395998E-2</c:v>
                </c:pt>
                <c:pt idx="156">
                  <c:v>4.8937606332769702E-2</c:v>
                </c:pt>
                <c:pt idx="157">
                  <c:v>4.9327963272319399E-2</c:v>
                </c:pt>
                <c:pt idx="158">
                  <c:v>4.9713956088139603E-2</c:v>
                </c:pt>
                <c:pt idx="159">
                  <c:v>5.0036164217907998E-2</c:v>
                </c:pt>
                <c:pt idx="160">
                  <c:v>5.04135216399655E-2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0-C35B-3E4A-BE9D-DDDA28AA4F89}"/>
            </c:ext>
          </c:extLst>
        </c:ser>
        <c:ser>
          <c:idx val="2"/>
          <c:order val="2"/>
          <c:tx>
            <c:strRef>
              <c:f>'[852-DBRL102018D-G10X-Dev37-85-LIV-rev01.xls]plot-sheet'!$D$1</c:f>
              <c:strCache>
                <c:ptCount val="1"/>
                <c:pt idx="0">
                  <c:v>40°C</c:v>
                </c:pt>
              </c:strCache>
            </c:strRef>
          </c:tx>
          <c:spPr>
            <a:ln>
              <a:solidFill>
                <a:srgbClr val="00B050"/>
              </a:solidFill>
            </a:ln>
          </c:spPr>
          <c:marker>
            <c:symbol val="none"/>
          </c:marker>
          <c:xVal>
            <c:numRef>
              <c:f>'[852-DBRL102018D-G10X-Dev37-85-LIV-rev01.xls]plot-sheet'!$A$2:$A$162</c:f>
              <c:numCache>
                <c:formatCode>General</c:formatCode>
                <c:ptCount val="161"/>
                <c:pt idx="0">
                  <c:v>0</c:v>
                </c:pt>
                <c:pt idx="1">
                  <c:v>5.0000000000000001E-4</c:v>
                </c:pt>
                <c:pt idx="2">
                  <c:v>1E-3</c:v>
                </c:pt>
                <c:pt idx="3">
                  <c:v>1.5E-3</c:v>
                </c:pt>
                <c:pt idx="4">
                  <c:v>2E-3</c:v>
                </c:pt>
                <c:pt idx="5">
                  <c:v>2.5000000000000001E-3</c:v>
                </c:pt>
                <c:pt idx="6">
                  <c:v>3.0000000000000001E-3</c:v>
                </c:pt>
                <c:pt idx="7">
                  <c:v>3.5000000000000001E-3</c:v>
                </c:pt>
                <c:pt idx="8">
                  <c:v>4.0000000000000001E-3</c:v>
                </c:pt>
                <c:pt idx="9">
                  <c:v>4.4999999999999997E-3</c:v>
                </c:pt>
                <c:pt idx="10">
                  <c:v>5.0000000000000001E-3</c:v>
                </c:pt>
                <c:pt idx="11">
                  <c:v>5.4999999999999997E-3</c:v>
                </c:pt>
                <c:pt idx="12">
                  <c:v>6.0000000000000001E-3</c:v>
                </c:pt>
                <c:pt idx="13">
                  <c:v>6.4999999999999997E-3</c:v>
                </c:pt>
                <c:pt idx="14">
                  <c:v>7.0000000000000001E-3</c:v>
                </c:pt>
                <c:pt idx="15">
                  <c:v>7.4999999999999997E-3</c:v>
                </c:pt>
                <c:pt idx="16">
                  <c:v>8.0000000000000002E-3</c:v>
                </c:pt>
                <c:pt idx="17">
                  <c:v>8.5000000000000006E-3</c:v>
                </c:pt>
                <c:pt idx="18">
                  <c:v>8.9999999999999906E-3</c:v>
                </c:pt>
                <c:pt idx="19">
                  <c:v>9.4999999999999998E-3</c:v>
                </c:pt>
                <c:pt idx="20">
                  <c:v>0.01</c:v>
                </c:pt>
                <c:pt idx="21">
                  <c:v>1.0500000000000001E-2</c:v>
                </c:pt>
                <c:pt idx="22">
                  <c:v>1.0999999999999999E-2</c:v>
                </c:pt>
                <c:pt idx="23">
                  <c:v>1.15E-2</c:v>
                </c:pt>
                <c:pt idx="24">
                  <c:v>1.2E-2</c:v>
                </c:pt>
                <c:pt idx="25">
                  <c:v>1.2500000000000001E-2</c:v>
                </c:pt>
                <c:pt idx="26">
                  <c:v>1.2999999999999999E-2</c:v>
                </c:pt>
                <c:pt idx="27">
                  <c:v>1.35E-2</c:v>
                </c:pt>
                <c:pt idx="28">
                  <c:v>1.4E-2</c:v>
                </c:pt>
                <c:pt idx="29">
                  <c:v>1.4500000000000001E-2</c:v>
                </c:pt>
                <c:pt idx="30">
                  <c:v>1.4999999999999999E-2</c:v>
                </c:pt>
                <c:pt idx="31">
                  <c:v>1.55E-2</c:v>
                </c:pt>
                <c:pt idx="32">
                  <c:v>1.6E-2</c:v>
                </c:pt>
                <c:pt idx="33">
                  <c:v>1.6500000000000001E-2</c:v>
                </c:pt>
                <c:pt idx="34">
                  <c:v>1.7000000000000001E-2</c:v>
                </c:pt>
                <c:pt idx="35">
                  <c:v>1.7500000000000002E-2</c:v>
                </c:pt>
                <c:pt idx="36">
                  <c:v>1.7999999999999999E-2</c:v>
                </c:pt>
                <c:pt idx="37">
                  <c:v>1.8499999999999999E-2</c:v>
                </c:pt>
                <c:pt idx="38">
                  <c:v>1.9E-2</c:v>
                </c:pt>
                <c:pt idx="39">
                  <c:v>1.95E-2</c:v>
                </c:pt>
                <c:pt idx="40">
                  <c:v>0.02</c:v>
                </c:pt>
                <c:pt idx="41">
                  <c:v>2.0500000000000001E-2</c:v>
                </c:pt>
                <c:pt idx="42">
                  <c:v>2.1000000000000001E-2</c:v>
                </c:pt>
                <c:pt idx="43">
                  <c:v>2.1499999999999998E-2</c:v>
                </c:pt>
                <c:pt idx="44">
                  <c:v>2.1999999999999999E-2</c:v>
                </c:pt>
                <c:pt idx="45">
                  <c:v>2.2499999999999999E-2</c:v>
                </c:pt>
                <c:pt idx="46">
                  <c:v>2.3E-2</c:v>
                </c:pt>
                <c:pt idx="47">
                  <c:v>2.35E-2</c:v>
                </c:pt>
                <c:pt idx="48">
                  <c:v>2.4E-2</c:v>
                </c:pt>
                <c:pt idx="49">
                  <c:v>2.4500000000000001E-2</c:v>
                </c:pt>
                <c:pt idx="50">
                  <c:v>2.5000000000000001E-2</c:v>
                </c:pt>
                <c:pt idx="51">
                  <c:v>2.5499999999999998E-2</c:v>
                </c:pt>
                <c:pt idx="52">
                  <c:v>2.5999999999999999E-2</c:v>
                </c:pt>
                <c:pt idx="53">
                  <c:v>2.6499999999999999E-2</c:v>
                </c:pt>
                <c:pt idx="54">
                  <c:v>2.7E-2</c:v>
                </c:pt>
                <c:pt idx="55">
                  <c:v>2.75E-2</c:v>
                </c:pt>
                <c:pt idx="56">
                  <c:v>2.8000000000000001E-2</c:v>
                </c:pt>
                <c:pt idx="57">
                  <c:v>2.8500000000000001E-2</c:v>
                </c:pt>
                <c:pt idx="58">
                  <c:v>2.9000000000000001E-2</c:v>
                </c:pt>
                <c:pt idx="59">
                  <c:v>2.9499999999999998E-2</c:v>
                </c:pt>
                <c:pt idx="60">
                  <c:v>0.03</c:v>
                </c:pt>
                <c:pt idx="61">
                  <c:v>3.0499999999999999E-2</c:v>
                </c:pt>
                <c:pt idx="62">
                  <c:v>3.1E-2</c:v>
                </c:pt>
                <c:pt idx="63">
                  <c:v>3.15E-2</c:v>
                </c:pt>
                <c:pt idx="64">
                  <c:v>3.2000000000000001E-2</c:v>
                </c:pt>
                <c:pt idx="65">
                  <c:v>3.2500000000000001E-2</c:v>
                </c:pt>
                <c:pt idx="66">
                  <c:v>3.3000000000000002E-2</c:v>
                </c:pt>
                <c:pt idx="67">
                  <c:v>3.3500000000000002E-2</c:v>
                </c:pt>
                <c:pt idx="68">
                  <c:v>3.4000000000000002E-2</c:v>
                </c:pt>
                <c:pt idx="69">
                  <c:v>3.4500000000000003E-2</c:v>
                </c:pt>
                <c:pt idx="70">
                  <c:v>3.5000000000000003E-2</c:v>
                </c:pt>
                <c:pt idx="71">
                  <c:v>3.5499999999999997E-2</c:v>
                </c:pt>
                <c:pt idx="72">
                  <c:v>3.5999999999999997E-2</c:v>
                </c:pt>
                <c:pt idx="73">
                  <c:v>3.6499999999999998E-2</c:v>
                </c:pt>
                <c:pt idx="74">
                  <c:v>3.6999999999999998E-2</c:v>
                </c:pt>
                <c:pt idx="75">
                  <c:v>3.7499999999999999E-2</c:v>
                </c:pt>
                <c:pt idx="76">
                  <c:v>3.7999999999999999E-2</c:v>
                </c:pt>
                <c:pt idx="77">
                  <c:v>3.85E-2</c:v>
                </c:pt>
                <c:pt idx="78">
                  <c:v>3.9E-2</c:v>
                </c:pt>
                <c:pt idx="79">
                  <c:v>3.95E-2</c:v>
                </c:pt>
                <c:pt idx="80">
                  <c:v>0.04</c:v>
                </c:pt>
                <c:pt idx="81">
                  <c:v>4.0500000000000001E-2</c:v>
                </c:pt>
                <c:pt idx="82">
                  <c:v>4.1000000000000002E-2</c:v>
                </c:pt>
                <c:pt idx="83">
                  <c:v>4.1500000000000002E-2</c:v>
                </c:pt>
                <c:pt idx="84">
                  <c:v>4.2000000000000003E-2</c:v>
                </c:pt>
                <c:pt idx="85">
                  <c:v>4.2500000000000003E-2</c:v>
                </c:pt>
                <c:pt idx="86">
                  <c:v>4.2999999999999997E-2</c:v>
                </c:pt>
                <c:pt idx="87">
                  <c:v>4.3499999999999997E-2</c:v>
                </c:pt>
                <c:pt idx="88">
                  <c:v>4.3999999999999997E-2</c:v>
                </c:pt>
                <c:pt idx="89">
                  <c:v>4.4499999999999998E-2</c:v>
                </c:pt>
                <c:pt idx="90">
                  <c:v>4.4999999999999998E-2</c:v>
                </c:pt>
                <c:pt idx="91">
                  <c:v>4.5499999999999999E-2</c:v>
                </c:pt>
                <c:pt idx="92">
                  <c:v>4.5999999999999999E-2</c:v>
                </c:pt>
                <c:pt idx="93">
                  <c:v>4.65E-2</c:v>
                </c:pt>
                <c:pt idx="94">
                  <c:v>4.7E-2</c:v>
                </c:pt>
                <c:pt idx="95">
                  <c:v>4.7500000000000001E-2</c:v>
                </c:pt>
                <c:pt idx="96">
                  <c:v>4.8000000000000001E-2</c:v>
                </c:pt>
                <c:pt idx="97">
                  <c:v>4.8500000000000001E-2</c:v>
                </c:pt>
                <c:pt idx="98">
                  <c:v>4.9000000000000002E-2</c:v>
                </c:pt>
                <c:pt idx="99">
                  <c:v>4.9500000000000002E-2</c:v>
                </c:pt>
                <c:pt idx="100">
                  <c:v>0.05</c:v>
                </c:pt>
                <c:pt idx="101">
                  <c:v>5.0500000000000003E-2</c:v>
                </c:pt>
                <c:pt idx="102">
                  <c:v>5.0999999999999997E-2</c:v>
                </c:pt>
                <c:pt idx="103">
                  <c:v>5.1499999999999997E-2</c:v>
                </c:pt>
                <c:pt idx="104">
                  <c:v>5.1999999999999998E-2</c:v>
                </c:pt>
                <c:pt idx="105">
                  <c:v>5.2499999999999998E-2</c:v>
                </c:pt>
                <c:pt idx="106">
                  <c:v>5.2999999999999999E-2</c:v>
                </c:pt>
                <c:pt idx="107">
                  <c:v>5.3499999999999999E-2</c:v>
                </c:pt>
                <c:pt idx="108">
                  <c:v>5.3999999999999999E-2</c:v>
                </c:pt>
                <c:pt idx="109">
                  <c:v>5.45E-2</c:v>
                </c:pt>
                <c:pt idx="110">
                  <c:v>5.5E-2</c:v>
                </c:pt>
                <c:pt idx="111">
                  <c:v>5.5500000000000001E-2</c:v>
                </c:pt>
                <c:pt idx="112">
                  <c:v>5.6000000000000001E-2</c:v>
                </c:pt>
                <c:pt idx="113">
                  <c:v>5.6500000000000002E-2</c:v>
                </c:pt>
                <c:pt idx="114">
                  <c:v>5.7000000000000002E-2</c:v>
                </c:pt>
                <c:pt idx="115">
                  <c:v>5.7500000000000002E-2</c:v>
                </c:pt>
                <c:pt idx="116">
                  <c:v>5.8000000000000003E-2</c:v>
                </c:pt>
                <c:pt idx="117">
                  <c:v>5.8500000000000003E-2</c:v>
                </c:pt>
                <c:pt idx="118">
                  <c:v>5.8999999999999997E-2</c:v>
                </c:pt>
                <c:pt idx="119">
                  <c:v>5.9499999999999997E-2</c:v>
                </c:pt>
                <c:pt idx="120">
                  <c:v>0.06</c:v>
                </c:pt>
                <c:pt idx="121">
                  <c:v>6.0499999999999998E-2</c:v>
                </c:pt>
                <c:pt idx="122">
                  <c:v>6.0999999999999999E-2</c:v>
                </c:pt>
                <c:pt idx="123">
                  <c:v>6.1499999999999999E-2</c:v>
                </c:pt>
                <c:pt idx="124">
                  <c:v>6.2E-2</c:v>
                </c:pt>
                <c:pt idx="125">
                  <c:v>6.25E-2</c:v>
                </c:pt>
                <c:pt idx="126">
                  <c:v>6.3E-2</c:v>
                </c:pt>
                <c:pt idx="127">
                  <c:v>6.3500000000000001E-2</c:v>
                </c:pt>
                <c:pt idx="128">
                  <c:v>6.4000000000000001E-2</c:v>
                </c:pt>
                <c:pt idx="129">
                  <c:v>6.4500000000000002E-2</c:v>
                </c:pt>
                <c:pt idx="130">
                  <c:v>6.5000000000000002E-2</c:v>
                </c:pt>
                <c:pt idx="131">
                  <c:v>6.5500000000000003E-2</c:v>
                </c:pt>
                <c:pt idx="132">
                  <c:v>6.6000000000000003E-2</c:v>
                </c:pt>
                <c:pt idx="133">
                  <c:v>6.6500000000000004E-2</c:v>
                </c:pt>
                <c:pt idx="134">
                  <c:v>6.7000000000000004E-2</c:v>
                </c:pt>
                <c:pt idx="135">
                  <c:v>6.7500000000000004E-2</c:v>
                </c:pt>
                <c:pt idx="136">
                  <c:v>6.8000000000000005E-2</c:v>
                </c:pt>
                <c:pt idx="137">
                  <c:v>6.8500000000000005E-2</c:v>
                </c:pt>
                <c:pt idx="138">
                  <c:v>6.9000000000000006E-2</c:v>
                </c:pt>
                <c:pt idx="139">
                  <c:v>6.9500000000000006E-2</c:v>
                </c:pt>
                <c:pt idx="140">
                  <c:v>7.0000000000000007E-2</c:v>
                </c:pt>
                <c:pt idx="141">
                  <c:v>7.0499999999999896E-2</c:v>
                </c:pt>
                <c:pt idx="142">
                  <c:v>7.0999999999999897E-2</c:v>
                </c:pt>
                <c:pt idx="143">
                  <c:v>7.1499999999999897E-2</c:v>
                </c:pt>
                <c:pt idx="144">
                  <c:v>7.1999999999999995E-2</c:v>
                </c:pt>
                <c:pt idx="145">
                  <c:v>7.2499999999999995E-2</c:v>
                </c:pt>
                <c:pt idx="146">
                  <c:v>7.2999999999999995E-2</c:v>
                </c:pt>
                <c:pt idx="147">
                  <c:v>7.3499999999999996E-2</c:v>
                </c:pt>
                <c:pt idx="148">
                  <c:v>7.3999999999999996E-2</c:v>
                </c:pt>
                <c:pt idx="149">
                  <c:v>7.4499999999999997E-2</c:v>
                </c:pt>
                <c:pt idx="150">
                  <c:v>7.4999999999999997E-2</c:v>
                </c:pt>
                <c:pt idx="151">
                  <c:v>7.5499999999999998E-2</c:v>
                </c:pt>
                <c:pt idx="152">
                  <c:v>7.5999999999999998E-2</c:v>
                </c:pt>
                <c:pt idx="153">
                  <c:v>7.6499999999999999E-2</c:v>
                </c:pt>
                <c:pt idx="154">
                  <c:v>7.6999999999999999E-2</c:v>
                </c:pt>
                <c:pt idx="155">
                  <c:v>7.7499999999999999E-2</c:v>
                </c:pt>
                <c:pt idx="156">
                  <c:v>7.8E-2</c:v>
                </c:pt>
                <c:pt idx="157">
                  <c:v>7.85E-2</c:v>
                </c:pt>
                <c:pt idx="158">
                  <c:v>7.9000000000000001E-2</c:v>
                </c:pt>
                <c:pt idx="159">
                  <c:v>7.9500000000000001E-2</c:v>
                </c:pt>
                <c:pt idx="160">
                  <c:v>0.08</c:v>
                </c:pt>
              </c:numCache>
            </c:numRef>
          </c:xVal>
          <c:yVal>
            <c:numRef>
              <c:f>'[852-DBRL102018D-G10X-Dev37-85-LIV-rev01.xls]plot-sheet'!$D$2:$D$162</c:f>
              <c:numCache>
                <c:formatCode>General</c:formatCode>
                <c:ptCount val="161"/>
                <c:pt idx="0">
                  <c:v>3.1542402924650601E-4</c:v>
                </c:pt>
                <c:pt idx="1">
                  <c:v>3.15702590335623E-4</c:v>
                </c:pt>
                <c:pt idx="2">
                  <c:v>3.1802393274493398E-4</c:v>
                </c:pt>
                <c:pt idx="3">
                  <c:v>3.1468115433680698E-4</c:v>
                </c:pt>
                <c:pt idx="4">
                  <c:v>3.2006669139576798E-4</c:v>
                </c:pt>
                <c:pt idx="5">
                  <c:v>3.2062383624336202E-4</c:v>
                </c:pt>
                <c:pt idx="6">
                  <c:v>3.2331654809944298E-4</c:v>
                </c:pt>
                <c:pt idx="7">
                  <c:v>3.30930619210061E-4</c:v>
                </c:pt>
                <c:pt idx="8">
                  <c:v>3.2870208515840398E-4</c:v>
                </c:pt>
                <c:pt idx="9">
                  <c:v>3.30930619210061E-4</c:v>
                </c:pt>
                <c:pt idx="10">
                  <c:v>3.2870208515840398E-4</c:v>
                </c:pt>
                <c:pt idx="11">
                  <c:v>3.4040169624004901E-4</c:v>
                </c:pt>
                <c:pt idx="12">
                  <c:v>3.3501615918108801E-4</c:v>
                </c:pt>
                <c:pt idx="13">
                  <c:v>3.4040169624004901E-4</c:v>
                </c:pt>
                <c:pt idx="14">
                  <c:v>3.4290867803402601E-4</c:v>
                </c:pt>
                <c:pt idx="15">
                  <c:v>3.4875852891356801E-4</c:v>
                </c:pt>
                <c:pt idx="16">
                  <c:v>3.5237975506401402E-4</c:v>
                </c:pt>
                <c:pt idx="17">
                  <c:v>3.5952951235405098E-4</c:v>
                </c:pt>
                <c:pt idx="18">
                  <c:v>3.6324366020894802E-4</c:v>
                </c:pt>
                <c:pt idx="19">
                  <c:v>3.7030049579453401E-4</c:v>
                </c:pt>
                <c:pt idx="20">
                  <c:v>3.7689313090633601E-4</c:v>
                </c:pt>
                <c:pt idx="21">
                  <c:v>3.8905703313920302E-4</c:v>
                </c:pt>
                <c:pt idx="22">
                  <c:v>3.9546389285018097E-4</c:v>
                </c:pt>
                <c:pt idx="23">
                  <c:v>4.0577069848624E-4</c:v>
                </c:pt>
                <c:pt idx="24">
                  <c:v>4.0679204380761802E-4</c:v>
                </c:pt>
                <c:pt idx="25">
                  <c:v>4.1570599865937101E-4</c:v>
                </c:pt>
                <c:pt idx="26">
                  <c:v>4.2517707568935902E-4</c:v>
                </c:pt>
                <c:pt idx="27">
                  <c:v>4.4272642430374801E-4</c:v>
                </c:pt>
                <c:pt idx="28">
                  <c:v>4.4746191748002302E-4</c:v>
                </c:pt>
                <c:pt idx="29">
                  <c:v>4.5535452701039902E-4</c:v>
                </c:pt>
                <c:pt idx="30">
                  <c:v>4.6677557700292699E-4</c:v>
                </c:pt>
                <c:pt idx="31">
                  <c:v>4.7401816531997601E-4</c:v>
                </c:pt>
                <c:pt idx="32">
                  <c:v>4.9862434951995196E-4</c:v>
                </c:pt>
                <c:pt idx="33">
                  <c:v>5.1868074793639705E-4</c:v>
                </c:pt>
                <c:pt idx="34">
                  <c:v>5.5266520080870596E-4</c:v>
                </c:pt>
                <c:pt idx="35">
                  <c:v>6.0252763576070097E-4</c:v>
                </c:pt>
                <c:pt idx="36">
                  <c:v>7.2546588441908095E-4</c:v>
                </c:pt>
                <c:pt idx="37">
                  <c:v>9.5351469872592698E-4</c:v>
                </c:pt>
                <c:pt idx="38">
                  <c:v>1.3398783852669801E-3</c:v>
                </c:pt>
                <c:pt idx="39">
                  <c:v>1.8401745547088201E-3</c:v>
                </c:pt>
                <c:pt idx="40">
                  <c:v>2.3652622076949202E-3</c:v>
                </c:pt>
                <c:pt idx="41">
                  <c:v>2.7999101790593898E-3</c:v>
                </c:pt>
                <c:pt idx="42">
                  <c:v>3.1965813513172899E-3</c:v>
                </c:pt>
                <c:pt idx="43">
                  <c:v>3.62240876559101E-3</c:v>
                </c:pt>
                <c:pt idx="44">
                  <c:v>4.0174076645398196E-3</c:v>
                </c:pt>
                <c:pt idx="45">
                  <c:v>4.4313498056778701E-3</c:v>
                </c:pt>
                <c:pt idx="46">
                  <c:v>4.7581016005027003E-3</c:v>
                </c:pt>
                <c:pt idx="47">
                  <c:v>5.1812362575816198E-3</c:v>
                </c:pt>
                <c:pt idx="48">
                  <c:v>5.5951783987196703E-3</c:v>
                </c:pt>
                <c:pt idx="49">
                  <c:v>6.0025275647055199E-3</c:v>
                </c:pt>
                <c:pt idx="50">
                  <c:v>6.3913063541266397E-3</c:v>
                </c:pt>
                <c:pt idx="51">
                  <c:v>6.80496884604631E-3</c:v>
                </c:pt>
                <c:pt idx="52">
                  <c:v>7.1616198938128199E-3</c:v>
                </c:pt>
                <c:pt idx="53">
                  <c:v>7.5424129026361603E-3</c:v>
                </c:pt>
                <c:pt idx="54">
                  <c:v>7.9443765542324095E-3</c:v>
                </c:pt>
                <c:pt idx="55">
                  <c:v>8.3500550791030595E-3</c:v>
                </c:pt>
                <c:pt idx="56">
                  <c:v>8.7627883086395103E-3</c:v>
                </c:pt>
                <c:pt idx="57">
                  <c:v>9.0933481931448606E-3</c:v>
                </c:pt>
                <c:pt idx="58">
                  <c:v>9.4977260408467996E-3</c:v>
                </c:pt>
                <c:pt idx="59">
                  <c:v>9.9041466698689302E-3</c:v>
                </c:pt>
                <c:pt idx="60">
                  <c:v>1.03139978077203E-2</c:v>
                </c:pt>
                <c:pt idx="61">
                  <c:v>1.06935895218468E-2</c:v>
                </c:pt>
                <c:pt idx="62">
                  <c:v>1.1093419714685001E-2</c:v>
                </c:pt>
                <c:pt idx="63">
                  <c:v>1.1455453375163099E-2</c:v>
                </c:pt>
                <c:pt idx="64">
                  <c:v>1.1831515197988401E-2</c:v>
                </c:pt>
                <c:pt idx="65">
                  <c:v>1.2229113275016201E-2</c:v>
                </c:pt>
                <c:pt idx="66">
                  <c:v>1.26174274332457E-2</c:v>
                </c:pt>
                <c:pt idx="67">
                  <c:v>1.3031086298067899E-2</c:v>
                </c:pt>
                <c:pt idx="68">
                  <c:v>1.3421724700384699E-2</c:v>
                </c:pt>
                <c:pt idx="69">
                  <c:v>1.3753858019791799E-2</c:v>
                </c:pt>
                <c:pt idx="70">
                  <c:v>1.41579558555657E-2</c:v>
                </c:pt>
                <c:pt idx="71">
                  <c:v>1.45657721917114E-2</c:v>
                </c:pt>
                <c:pt idx="72">
                  <c:v>1.49561320329391E-2</c:v>
                </c:pt>
                <c:pt idx="73">
                  <c:v>1.53489031685945E-2</c:v>
                </c:pt>
                <c:pt idx="74">
                  <c:v>1.5702951411184499E-2</c:v>
                </c:pt>
                <c:pt idx="75">
                  <c:v>1.60888528241474E-2</c:v>
                </c:pt>
                <c:pt idx="76">
                  <c:v>1.6488963754333199E-2</c:v>
                </c:pt>
                <c:pt idx="77">
                  <c:v>1.6881456328899501E-2</c:v>
                </c:pt>
                <c:pt idx="78">
                  <c:v>1.7286012629799102E-2</c:v>
                </c:pt>
                <c:pt idx="79">
                  <c:v>1.7687237804341401E-2</c:v>
                </c:pt>
                <c:pt idx="80">
                  <c:v>1.80130614249123E-2</c:v>
                </c:pt>
                <c:pt idx="81">
                  <c:v>1.8426161716717199E-2</c:v>
                </c:pt>
                <c:pt idx="82">
                  <c:v>1.8831933820703702E-2</c:v>
                </c:pt>
                <c:pt idx="83">
                  <c:v>1.9214865366221599E-2</c:v>
                </c:pt>
                <c:pt idx="84">
                  <c:v>1.96187832979587E-2</c:v>
                </c:pt>
                <c:pt idx="85">
                  <c:v>2.0030677942549799E-2</c:v>
                </c:pt>
                <c:pt idx="86">
                  <c:v>2.0343689203860298E-2</c:v>
                </c:pt>
                <c:pt idx="87">
                  <c:v>2.07457428074749E-2</c:v>
                </c:pt>
                <c:pt idx="88">
                  <c:v>2.11273773029216E-2</c:v>
                </c:pt>
                <c:pt idx="89">
                  <c:v>2.1529520858554599E-2</c:v>
                </c:pt>
                <c:pt idx="90">
                  <c:v>2.1924796142333999E-2</c:v>
                </c:pt>
                <c:pt idx="91">
                  <c:v>2.2247935710744099E-2</c:v>
                </c:pt>
                <c:pt idx="92">
                  <c:v>2.2637268357955698E-2</c:v>
                </c:pt>
                <c:pt idx="93">
                  <c:v>2.3038953448462799E-2</c:v>
                </c:pt>
                <c:pt idx="94">
                  <c:v>2.3430518936904302E-2</c:v>
                </c:pt>
                <c:pt idx="95">
                  <c:v>2.38215258523287E-2</c:v>
                </c:pt>
                <c:pt idx="96">
                  <c:v>2.4228783615457099E-2</c:v>
                </c:pt>
                <c:pt idx="97">
                  <c:v>2.45336179481308E-2</c:v>
                </c:pt>
                <c:pt idx="98">
                  <c:v>2.4924537813214801E-2</c:v>
                </c:pt>
                <c:pt idx="99">
                  <c:v>2.53156317789794E-2</c:v>
                </c:pt>
                <c:pt idx="100">
                  <c:v>2.57087743294203E-2</c:v>
                </c:pt>
                <c:pt idx="101">
                  <c:v>2.6097457000757301E-2</c:v>
                </c:pt>
                <c:pt idx="102">
                  <c:v>2.6480478498293599E-2</c:v>
                </c:pt>
                <c:pt idx="103">
                  <c:v>2.6796561185779302E-2</c:v>
                </c:pt>
                <c:pt idx="104">
                  <c:v>2.7195263351290501E-2</c:v>
                </c:pt>
                <c:pt idx="105">
                  <c:v>2.7572252260240598E-2</c:v>
                </c:pt>
                <c:pt idx="106">
                  <c:v>2.79561123427222E-2</c:v>
                </c:pt>
                <c:pt idx="107">
                  <c:v>2.83498120153413E-2</c:v>
                </c:pt>
                <c:pt idx="108">
                  <c:v>2.86539978229794E-2</c:v>
                </c:pt>
                <c:pt idx="109">
                  <c:v>2.90342366113025E-2</c:v>
                </c:pt>
                <c:pt idx="110">
                  <c:v>2.9395811806654799E-2</c:v>
                </c:pt>
                <c:pt idx="111">
                  <c:v>2.9784775940758901E-2</c:v>
                </c:pt>
                <c:pt idx="112">
                  <c:v>3.0158236409246801E-2</c:v>
                </c:pt>
                <c:pt idx="113">
                  <c:v>3.0531873880093499E-2</c:v>
                </c:pt>
                <c:pt idx="114">
                  <c:v>3.0836152541427901E-2</c:v>
                </c:pt>
                <c:pt idx="115">
                  <c:v>3.1224286795620702E-2</c:v>
                </c:pt>
                <c:pt idx="116">
                  <c:v>3.15860418950097E-2</c:v>
                </c:pt>
                <c:pt idx="117">
                  <c:v>3.1966559244421898E-2</c:v>
                </c:pt>
                <c:pt idx="118">
                  <c:v>3.2358674600846599E-2</c:v>
                </c:pt>
                <c:pt idx="119">
                  <c:v>3.2661197746983998E-2</c:v>
                </c:pt>
                <c:pt idx="120">
                  <c:v>3.3021835700338502E-2</c:v>
                </c:pt>
                <c:pt idx="121">
                  <c:v>3.3365304424898198E-2</c:v>
                </c:pt>
                <c:pt idx="122">
                  <c:v>3.3723998253984901E-2</c:v>
                </c:pt>
                <c:pt idx="123">
                  <c:v>3.4062821392047901E-2</c:v>
                </c:pt>
                <c:pt idx="124">
                  <c:v>3.44168696346379E-2</c:v>
                </c:pt>
                <c:pt idx="125">
                  <c:v>3.4697667917502201E-2</c:v>
                </c:pt>
                <c:pt idx="126">
                  <c:v>3.6027416998217703E-2</c:v>
                </c:pt>
                <c:pt idx="127">
                  <c:v>3.6429662112581099E-2</c:v>
                </c:pt>
                <c:pt idx="128">
                  <c:v>3.6841285450278101E-2</c:v>
                </c:pt>
                <c:pt idx="129">
                  <c:v>3.7251974447655399E-2</c:v>
                </c:pt>
                <c:pt idx="130">
                  <c:v>3.7645482609525702E-2</c:v>
                </c:pt>
                <c:pt idx="131">
                  <c:v>3.7991464187243397E-2</c:v>
                </c:pt>
                <c:pt idx="132">
                  <c:v>3.8388503691253899E-2</c:v>
                </c:pt>
                <c:pt idx="133">
                  <c:v>3.8799471249720302E-2</c:v>
                </c:pt>
                <c:pt idx="134">
                  <c:v>3.9195582216767097E-2</c:v>
                </c:pt>
                <c:pt idx="135">
                  <c:v>3.9599501599343202E-2</c:v>
                </c:pt>
                <c:pt idx="136">
                  <c:v>3.9932660661927397E-2</c:v>
                </c:pt>
                <c:pt idx="137">
                  <c:v>4.03423340720006E-2</c:v>
                </c:pt>
                <c:pt idx="138">
                  <c:v>4.0740487820367599E-2</c:v>
                </c:pt>
                <c:pt idx="139">
                  <c:v>4.1137997396216E-2</c:v>
                </c:pt>
                <c:pt idx="140">
                  <c:v>4.1537079681546699E-2</c:v>
                </c:pt>
                <c:pt idx="141">
                  <c:v>4.1939879016410303E-2</c:v>
                </c:pt>
                <c:pt idx="142">
                  <c:v>4.2264405586909901E-2</c:v>
                </c:pt>
                <c:pt idx="143">
                  <c:v>4.2650676963819197E-2</c:v>
                </c:pt>
                <c:pt idx="144">
                  <c:v>4.3051894884166497E-2</c:v>
                </c:pt>
                <c:pt idx="145">
                  <c:v>4.3443270312698297E-2</c:v>
                </c:pt>
                <c:pt idx="146">
                  <c:v>4.3842541207099697E-2</c:v>
                </c:pt>
                <c:pt idx="147">
                  <c:v>4.4241536442090099E-2</c:v>
                </c:pt>
                <c:pt idx="148">
                  <c:v>4.4564205938662303E-2</c:v>
                </c:pt>
                <c:pt idx="149">
                  <c:v>4.49408176294709E-2</c:v>
                </c:pt>
                <c:pt idx="150">
                  <c:v>4.53400885238723E-2</c:v>
                </c:pt>
                <c:pt idx="151">
                  <c:v>4.5737778003757397E-2</c:v>
                </c:pt>
                <c:pt idx="152">
                  <c:v>4.61086327653909E-2</c:v>
                </c:pt>
                <c:pt idx="153">
                  <c:v>4.6421366916451198E-2</c:v>
                </c:pt>
                <c:pt idx="154">
                  <c:v>4.6800488558739903E-2</c:v>
                </c:pt>
                <c:pt idx="155">
                  <c:v>4.7188344251843498E-2</c:v>
                </c:pt>
                <c:pt idx="156">
                  <c:v>4.7547966617893997E-2</c:v>
                </c:pt>
                <c:pt idx="157">
                  <c:v>4.7923191306613003E-2</c:v>
                </c:pt>
                <c:pt idx="158">
                  <c:v>4.82932103849791E-2</c:v>
                </c:pt>
                <c:pt idx="159">
                  <c:v>4.8608254271736699E-2</c:v>
                </c:pt>
                <c:pt idx="160">
                  <c:v>4.8963709828162401E-2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1-C35B-3E4A-BE9D-DDDA28AA4F89}"/>
            </c:ext>
          </c:extLst>
        </c:ser>
        <c:ser>
          <c:idx val="3"/>
          <c:order val="3"/>
          <c:tx>
            <c:strRef>
              <c:f>'[852-DBRL102018D-G10X-Dev37-85-LIV-rev01.xls]plot-sheet'!$E$1</c:f>
              <c:strCache>
                <c:ptCount val="1"/>
                <c:pt idx="0">
                  <c:v>50°C</c:v>
                </c:pt>
              </c:strCache>
            </c:strRef>
          </c:tx>
          <c:spPr>
            <a:ln>
              <a:solidFill>
                <a:srgbClr val="92D050"/>
              </a:solidFill>
            </a:ln>
          </c:spPr>
          <c:marker>
            <c:symbol val="none"/>
          </c:marker>
          <c:xVal>
            <c:numRef>
              <c:f>'[852-DBRL102018D-G10X-Dev37-85-LIV-rev01.xls]plot-sheet'!$A$2:$A$162</c:f>
              <c:numCache>
                <c:formatCode>General</c:formatCode>
                <c:ptCount val="161"/>
                <c:pt idx="0">
                  <c:v>0</c:v>
                </c:pt>
                <c:pt idx="1">
                  <c:v>5.0000000000000001E-4</c:v>
                </c:pt>
                <c:pt idx="2">
                  <c:v>1E-3</c:v>
                </c:pt>
                <c:pt idx="3">
                  <c:v>1.5E-3</c:v>
                </c:pt>
                <c:pt idx="4">
                  <c:v>2E-3</c:v>
                </c:pt>
                <c:pt idx="5">
                  <c:v>2.5000000000000001E-3</c:v>
                </c:pt>
                <c:pt idx="6">
                  <c:v>3.0000000000000001E-3</c:v>
                </c:pt>
                <c:pt idx="7">
                  <c:v>3.5000000000000001E-3</c:v>
                </c:pt>
                <c:pt idx="8">
                  <c:v>4.0000000000000001E-3</c:v>
                </c:pt>
                <c:pt idx="9">
                  <c:v>4.4999999999999997E-3</c:v>
                </c:pt>
                <c:pt idx="10">
                  <c:v>5.0000000000000001E-3</c:v>
                </c:pt>
                <c:pt idx="11">
                  <c:v>5.4999999999999997E-3</c:v>
                </c:pt>
                <c:pt idx="12">
                  <c:v>6.0000000000000001E-3</c:v>
                </c:pt>
                <c:pt idx="13">
                  <c:v>6.4999999999999997E-3</c:v>
                </c:pt>
                <c:pt idx="14">
                  <c:v>7.0000000000000001E-3</c:v>
                </c:pt>
                <c:pt idx="15">
                  <c:v>7.4999999999999997E-3</c:v>
                </c:pt>
                <c:pt idx="16">
                  <c:v>8.0000000000000002E-3</c:v>
                </c:pt>
                <c:pt idx="17">
                  <c:v>8.5000000000000006E-3</c:v>
                </c:pt>
                <c:pt idx="18">
                  <c:v>8.9999999999999906E-3</c:v>
                </c:pt>
                <c:pt idx="19">
                  <c:v>9.4999999999999998E-3</c:v>
                </c:pt>
                <c:pt idx="20">
                  <c:v>0.01</c:v>
                </c:pt>
                <c:pt idx="21">
                  <c:v>1.0500000000000001E-2</c:v>
                </c:pt>
                <c:pt idx="22">
                  <c:v>1.0999999999999999E-2</c:v>
                </c:pt>
                <c:pt idx="23">
                  <c:v>1.15E-2</c:v>
                </c:pt>
                <c:pt idx="24">
                  <c:v>1.2E-2</c:v>
                </c:pt>
                <c:pt idx="25">
                  <c:v>1.2500000000000001E-2</c:v>
                </c:pt>
                <c:pt idx="26">
                  <c:v>1.2999999999999999E-2</c:v>
                </c:pt>
                <c:pt idx="27">
                  <c:v>1.35E-2</c:v>
                </c:pt>
                <c:pt idx="28">
                  <c:v>1.4E-2</c:v>
                </c:pt>
                <c:pt idx="29">
                  <c:v>1.4500000000000001E-2</c:v>
                </c:pt>
                <c:pt idx="30">
                  <c:v>1.4999999999999999E-2</c:v>
                </c:pt>
                <c:pt idx="31">
                  <c:v>1.55E-2</c:v>
                </c:pt>
                <c:pt idx="32">
                  <c:v>1.6E-2</c:v>
                </c:pt>
                <c:pt idx="33">
                  <c:v>1.6500000000000001E-2</c:v>
                </c:pt>
                <c:pt idx="34">
                  <c:v>1.7000000000000001E-2</c:v>
                </c:pt>
                <c:pt idx="35">
                  <c:v>1.7500000000000002E-2</c:v>
                </c:pt>
                <c:pt idx="36">
                  <c:v>1.7999999999999999E-2</c:v>
                </c:pt>
                <c:pt idx="37">
                  <c:v>1.8499999999999999E-2</c:v>
                </c:pt>
                <c:pt idx="38">
                  <c:v>1.9E-2</c:v>
                </c:pt>
                <c:pt idx="39">
                  <c:v>1.95E-2</c:v>
                </c:pt>
                <c:pt idx="40">
                  <c:v>0.02</c:v>
                </c:pt>
                <c:pt idx="41">
                  <c:v>2.0500000000000001E-2</c:v>
                </c:pt>
                <c:pt idx="42">
                  <c:v>2.1000000000000001E-2</c:v>
                </c:pt>
                <c:pt idx="43">
                  <c:v>2.1499999999999998E-2</c:v>
                </c:pt>
                <c:pt idx="44">
                  <c:v>2.1999999999999999E-2</c:v>
                </c:pt>
                <c:pt idx="45">
                  <c:v>2.2499999999999999E-2</c:v>
                </c:pt>
                <c:pt idx="46">
                  <c:v>2.3E-2</c:v>
                </c:pt>
                <c:pt idx="47">
                  <c:v>2.35E-2</c:v>
                </c:pt>
                <c:pt idx="48">
                  <c:v>2.4E-2</c:v>
                </c:pt>
                <c:pt idx="49">
                  <c:v>2.4500000000000001E-2</c:v>
                </c:pt>
                <c:pt idx="50">
                  <c:v>2.5000000000000001E-2</c:v>
                </c:pt>
                <c:pt idx="51">
                  <c:v>2.5499999999999998E-2</c:v>
                </c:pt>
                <c:pt idx="52">
                  <c:v>2.5999999999999999E-2</c:v>
                </c:pt>
                <c:pt idx="53">
                  <c:v>2.6499999999999999E-2</c:v>
                </c:pt>
                <c:pt idx="54">
                  <c:v>2.7E-2</c:v>
                </c:pt>
                <c:pt idx="55">
                  <c:v>2.75E-2</c:v>
                </c:pt>
                <c:pt idx="56">
                  <c:v>2.8000000000000001E-2</c:v>
                </c:pt>
                <c:pt idx="57">
                  <c:v>2.8500000000000001E-2</c:v>
                </c:pt>
                <c:pt idx="58">
                  <c:v>2.9000000000000001E-2</c:v>
                </c:pt>
                <c:pt idx="59">
                  <c:v>2.9499999999999998E-2</c:v>
                </c:pt>
                <c:pt idx="60">
                  <c:v>0.03</c:v>
                </c:pt>
                <c:pt idx="61">
                  <c:v>3.0499999999999999E-2</c:v>
                </c:pt>
                <c:pt idx="62">
                  <c:v>3.1E-2</c:v>
                </c:pt>
                <c:pt idx="63">
                  <c:v>3.15E-2</c:v>
                </c:pt>
                <c:pt idx="64">
                  <c:v>3.2000000000000001E-2</c:v>
                </c:pt>
                <c:pt idx="65">
                  <c:v>3.2500000000000001E-2</c:v>
                </c:pt>
                <c:pt idx="66">
                  <c:v>3.3000000000000002E-2</c:v>
                </c:pt>
                <c:pt idx="67">
                  <c:v>3.3500000000000002E-2</c:v>
                </c:pt>
                <c:pt idx="68">
                  <c:v>3.4000000000000002E-2</c:v>
                </c:pt>
                <c:pt idx="69">
                  <c:v>3.4500000000000003E-2</c:v>
                </c:pt>
                <c:pt idx="70">
                  <c:v>3.5000000000000003E-2</c:v>
                </c:pt>
                <c:pt idx="71">
                  <c:v>3.5499999999999997E-2</c:v>
                </c:pt>
                <c:pt idx="72">
                  <c:v>3.5999999999999997E-2</c:v>
                </c:pt>
                <c:pt idx="73">
                  <c:v>3.6499999999999998E-2</c:v>
                </c:pt>
                <c:pt idx="74">
                  <c:v>3.6999999999999998E-2</c:v>
                </c:pt>
                <c:pt idx="75">
                  <c:v>3.7499999999999999E-2</c:v>
                </c:pt>
                <c:pt idx="76">
                  <c:v>3.7999999999999999E-2</c:v>
                </c:pt>
                <c:pt idx="77">
                  <c:v>3.85E-2</c:v>
                </c:pt>
                <c:pt idx="78">
                  <c:v>3.9E-2</c:v>
                </c:pt>
                <c:pt idx="79">
                  <c:v>3.95E-2</c:v>
                </c:pt>
                <c:pt idx="80">
                  <c:v>0.04</c:v>
                </c:pt>
                <c:pt idx="81">
                  <c:v>4.0500000000000001E-2</c:v>
                </c:pt>
                <c:pt idx="82">
                  <c:v>4.1000000000000002E-2</c:v>
                </c:pt>
                <c:pt idx="83">
                  <c:v>4.1500000000000002E-2</c:v>
                </c:pt>
                <c:pt idx="84">
                  <c:v>4.2000000000000003E-2</c:v>
                </c:pt>
                <c:pt idx="85">
                  <c:v>4.2500000000000003E-2</c:v>
                </c:pt>
                <c:pt idx="86">
                  <c:v>4.2999999999999997E-2</c:v>
                </c:pt>
                <c:pt idx="87">
                  <c:v>4.3499999999999997E-2</c:v>
                </c:pt>
                <c:pt idx="88">
                  <c:v>4.3999999999999997E-2</c:v>
                </c:pt>
                <c:pt idx="89">
                  <c:v>4.4499999999999998E-2</c:v>
                </c:pt>
                <c:pt idx="90">
                  <c:v>4.4999999999999998E-2</c:v>
                </c:pt>
                <c:pt idx="91">
                  <c:v>4.5499999999999999E-2</c:v>
                </c:pt>
                <c:pt idx="92">
                  <c:v>4.5999999999999999E-2</c:v>
                </c:pt>
                <c:pt idx="93">
                  <c:v>4.65E-2</c:v>
                </c:pt>
                <c:pt idx="94">
                  <c:v>4.7E-2</c:v>
                </c:pt>
                <c:pt idx="95">
                  <c:v>4.7500000000000001E-2</c:v>
                </c:pt>
                <c:pt idx="96">
                  <c:v>4.8000000000000001E-2</c:v>
                </c:pt>
                <c:pt idx="97">
                  <c:v>4.8500000000000001E-2</c:v>
                </c:pt>
                <c:pt idx="98">
                  <c:v>4.9000000000000002E-2</c:v>
                </c:pt>
                <c:pt idx="99">
                  <c:v>4.9500000000000002E-2</c:v>
                </c:pt>
                <c:pt idx="100">
                  <c:v>0.05</c:v>
                </c:pt>
                <c:pt idx="101">
                  <c:v>5.0500000000000003E-2</c:v>
                </c:pt>
                <c:pt idx="102">
                  <c:v>5.0999999999999997E-2</c:v>
                </c:pt>
                <c:pt idx="103">
                  <c:v>5.1499999999999997E-2</c:v>
                </c:pt>
                <c:pt idx="104">
                  <c:v>5.1999999999999998E-2</c:v>
                </c:pt>
                <c:pt idx="105">
                  <c:v>5.2499999999999998E-2</c:v>
                </c:pt>
                <c:pt idx="106">
                  <c:v>5.2999999999999999E-2</c:v>
                </c:pt>
                <c:pt idx="107">
                  <c:v>5.3499999999999999E-2</c:v>
                </c:pt>
                <c:pt idx="108">
                  <c:v>5.3999999999999999E-2</c:v>
                </c:pt>
                <c:pt idx="109">
                  <c:v>5.45E-2</c:v>
                </c:pt>
                <c:pt idx="110">
                  <c:v>5.5E-2</c:v>
                </c:pt>
                <c:pt idx="111">
                  <c:v>5.5500000000000001E-2</c:v>
                </c:pt>
                <c:pt idx="112">
                  <c:v>5.6000000000000001E-2</c:v>
                </c:pt>
                <c:pt idx="113">
                  <c:v>5.6500000000000002E-2</c:v>
                </c:pt>
                <c:pt idx="114">
                  <c:v>5.7000000000000002E-2</c:v>
                </c:pt>
                <c:pt idx="115">
                  <c:v>5.7500000000000002E-2</c:v>
                </c:pt>
                <c:pt idx="116">
                  <c:v>5.8000000000000003E-2</c:v>
                </c:pt>
                <c:pt idx="117">
                  <c:v>5.8500000000000003E-2</c:v>
                </c:pt>
                <c:pt idx="118">
                  <c:v>5.8999999999999997E-2</c:v>
                </c:pt>
                <c:pt idx="119">
                  <c:v>5.9499999999999997E-2</c:v>
                </c:pt>
                <c:pt idx="120">
                  <c:v>0.06</c:v>
                </c:pt>
                <c:pt idx="121">
                  <c:v>6.0499999999999998E-2</c:v>
                </c:pt>
                <c:pt idx="122">
                  <c:v>6.0999999999999999E-2</c:v>
                </c:pt>
                <c:pt idx="123">
                  <c:v>6.1499999999999999E-2</c:v>
                </c:pt>
                <c:pt idx="124">
                  <c:v>6.2E-2</c:v>
                </c:pt>
                <c:pt idx="125">
                  <c:v>6.25E-2</c:v>
                </c:pt>
                <c:pt idx="126">
                  <c:v>6.3E-2</c:v>
                </c:pt>
                <c:pt idx="127">
                  <c:v>6.3500000000000001E-2</c:v>
                </c:pt>
                <c:pt idx="128">
                  <c:v>6.4000000000000001E-2</c:v>
                </c:pt>
                <c:pt idx="129">
                  <c:v>6.4500000000000002E-2</c:v>
                </c:pt>
                <c:pt idx="130">
                  <c:v>6.5000000000000002E-2</c:v>
                </c:pt>
                <c:pt idx="131">
                  <c:v>6.5500000000000003E-2</c:v>
                </c:pt>
                <c:pt idx="132">
                  <c:v>6.6000000000000003E-2</c:v>
                </c:pt>
                <c:pt idx="133">
                  <c:v>6.6500000000000004E-2</c:v>
                </c:pt>
                <c:pt idx="134">
                  <c:v>6.7000000000000004E-2</c:v>
                </c:pt>
                <c:pt idx="135">
                  <c:v>6.7500000000000004E-2</c:v>
                </c:pt>
                <c:pt idx="136">
                  <c:v>6.8000000000000005E-2</c:v>
                </c:pt>
                <c:pt idx="137">
                  <c:v>6.8500000000000005E-2</c:v>
                </c:pt>
                <c:pt idx="138">
                  <c:v>6.9000000000000006E-2</c:v>
                </c:pt>
                <c:pt idx="139">
                  <c:v>6.9500000000000006E-2</c:v>
                </c:pt>
                <c:pt idx="140">
                  <c:v>7.0000000000000007E-2</c:v>
                </c:pt>
                <c:pt idx="141">
                  <c:v>7.0499999999999896E-2</c:v>
                </c:pt>
                <c:pt idx="142">
                  <c:v>7.0999999999999897E-2</c:v>
                </c:pt>
                <c:pt idx="143">
                  <c:v>7.1499999999999897E-2</c:v>
                </c:pt>
                <c:pt idx="144">
                  <c:v>7.1999999999999995E-2</c:v>
                </c:pt>
                <c:pt idx="145">
                  <c:v>7.2499999999999995E-2</c:v>
                </c:pt>
                <c:pt idx="146">
                  <c:v>7.2999999999999995E-2</c:v>
                </c:pt>
                <c:pt idx="147">
                  <c:v>7.3499999999999996E-2</c:v>
                </c:pt>
                <c:pt idx="148">
                  <c:v>7.3999999999999996E-2</c:v>
                </c:pt>
                <c:pt idx="149">
                  <c:v>7.4499999999999997E-2</c:v>
                </c:pt>
                <c:pt idx="150">
                  <c:v>7.4999999999999997E-2</c:v>
                </c:pt>
                <c:pt idx="151">
                  <c:v>7.5499999999999998E-2</c:v>
                </c:pt>
                <c:pt idx="152">
                  <c:v>7.5999999999999998E-2</c:v>
                </c:pt>
                <c:pt idx="153">
                  <c:v>7.6499999999999999E-2</c:v>
                </c:pt>
                <c:pt idx="154">
                  <c:v>7.6999999999999999E-2</c:v>
                </c:pt>
                <c:pt idx="155">
                  <c:v>7.7499999999999999E-2</c:v>
                </c:pt>
                <c:pt idx="156">
                  <c:v>7.8E-2</c:v>
                </c:pt>
                <c:pt idx="157">
                  <c:v>7.85E-2</c:v>
                </c:pt>
                <c:pt idx="158">
                  <c:v>7.9000000000000001E-2</c:v>
                </c:pt>
                <c:pt idx="159">
                  <c:v>7.9500000000000001E-2</c:v>
                </c:pt>
                <c:pt idx="160">
                  <c:v>0.08</c:v>
                </c:pt>
              </c:numCache>
            </c:numRef>
          </c:xVal>
          <c:yVal>
            <c:numRef>
              <c:f>'[852-DBRL102018D-G10X-Dev37-85-LIV-rev01.xls]plot-sheet'!$E$2:$E$162</c:f>
              <c:numCache>
                <c:formatCode>General</c:formatCode>
                <c:ptCount val="161"/>
                <c:pt idx="0">
                  <c:v>3.1440259324768999E-4</c:v>
                </c:pt>
                <c:pt idx="1">
                  <c:v>3.1310268683719497E-4</c:v>
                </c:pt>
                <c:pt idx="2">
                  <c:v>3.1514546815738798E-4</c:v>
                </c:pt>
                <c:pt idx="3">
                  <c:v>3.1988096133366299E-4</c:v>
                </c:pt>
                <c:pt idx="4">
                  <c:v>3.19602400244546E-4</c:v>
                </c:pt>
                <c:pt idx="5">
                  <c:v>3.2155235053772701E-4</c:v>
                </c:pt>
                <c:pt idx="6">
                  <c:v>3.2721644868580403E-4</c:v>
                </c:pt>
                <c:pt idx="7">
                  <c:v>3.2322373974178999E-4</c:v>
                </c:pt>
                <c:pt idx="8">
                  <c:v>3.27959232918065E-4</c:v>
                </c:pt>
                <c:pt idx="9">
                  <c:v>3.30930619210061E-4</c:v>
                </c:pt>
                <c:pt idx="10">
                  <c:v>3.2721644868580403E-4</c:v>
                </c:pt>
                <c:pt idx="11">
                  <c:v>3.3529472027020598E-4</c:v>
                </c:pt>
                <c:pt idx="12">
                  <c:v>3.3613040353755799E-4</c:v>
                </c:pt>
                <c:pt idx="13">
                  <c:v>3.4225872482877899E-4</c:v>
                </c:pt>
                <c:pt idx="14">
                  <c:v>3.3854457697388097E-4</c:v>
                </c:pt>
                <c:pt idx="15">
                  <c:v>3.4337299185460701E-4</c:v>
                </c:pt>
                <c:pt idx="16">
                  <c:v>3.4467287559574301E-4</c:v>
                </c:pt>
                <c:pt idx="17">
                  <c:v>3.5228694670636098E-4</c:v>
                </c:pt>
                <c:pt idx="18">
                  <c:v>3.4977985156558599E-4</c:v>
                </c:pt>
                <c:pt idx="19">
                  <c:v>3.5702243988263598E-4</c:v>
                </c:pt>
                <c:pt idx="20">
                  <c:v>3.58322436970569E-4</c:v>
                </c:pt>
                <c:pt idx="21">
                  <c:v>3.7633598605874198E-4</c:v>
                </c:pt>
                <c:pt idx="22">
                  <c:v>3.8051444773422002E-4</c:v>
                </c:pt>
                <c:pt idx="23">
                  <c:v>3.9351396522636001E-4</c:v>
                </c:pt>
                <c:pt idx="24">
                  <c:v>3.92121114442055E-4</c:v>
                </c:pt>
                <c:pt idx="25">
                  <c:v>4.02613672809577E-4</c:v>
                </c:pt>
                <c:pt idx="26">
                  <c:v>4.1041333796614302E-4</c:v>
                </c:pt>
                <c:pt idx="27">
                  <c:v>4.2072014360220101E-4</c:v>
                </c:pt>
                <c:pt idx="28">
                  <c:v>4.2898403190191003E-4</c:v>
                </c:pt>
                <c:pt idx="29">
                  <c:v>4.3529808325523499E-4</c:v>
                </c:pt>
                <c:pt idx="30">
                  <c:v>4.4644057215864602E-4</c:v>
                </c:pt>
                <c:pt idx="31">
                  <c:v>4.5869730541852499E-4</c:v>
                </c:pt>
                <c:pt idx="32">
                  <c:v>4.6798262971705002E-4</c:v>
                </c:pt>
                <c:pt idx="33">
                  <c:v>4.7949648806723099E-4</c:v>
                </c:pt>
                <c:pt idx="34">
                  <c:v>4.88967610435938E-4</c:v>
                </c:pt>
                <c:pt idx="35">
                  <c:v>5.0029571605465502E-4</c:v>
                </c:pt>
                <c:pt idx="36">
                  <c:v>5.15245161170617E-4</c:v>
                </c:pt>
                <c:pt idx="37">
                  <c:v>5.3836568622863301E-4</c:v>
                </c:pt>
                <c:pt idx="38">
                  <c:v>5.60186350214873E-4</c:v>
                </c:pt>
                <c:pt idx="39">
                  <c:v>6.4069055030848896E-4</c:v>
                </c:pt>
                <c:pt idx="40">
                  <c:v>7.3010856923770204E-4</c:v>
                </c:pt>
                <c:pt idx="41">
                  <c:v>1.0317906368001999E-3</c:v>
                </c:pt>
                <c:pt idx="42">
                  <c:v>1.46931707275221E-3</c:v>
                </c:pt>
                <c:pt idx="43">
                  <c:v>2.1220787396052702E-3</c:v>
                </c:pt>
                <c:pt idx="44">
                  <c:v>2.9853390107151298E-3</c:v>
                </c:pt>
                <c:pt idx="45">
                  <c:v>3.4828492972334901E-3</c:v>
                </c:pt>
                <c:pt idx="46">
                  <c:v>3.8483210834456302E-3</c:v>
                </c:pt>
                <c:pt idx="47">
                  <c:v>4.29281245339996E-3</c:v>
                </c:pt>
                <c:pt idx="48">
                  <c:v>4.7085184520593302E-3</c:v>
                </c:pt>
                <c:pt idx="49">
                  <c:v>5.1441872700192697E-3</c:v>
                </c:pt>
                <c:pt idx="50">
                  <c:v>5.5371444757771502E-3</c:v>
                </c:pt>
                <c:pt idx="51">
                  <c:v>5.9564714058852903E-3</c:v>
                </c:pt>
                <c:pt idx="52">
                  <c:v>6.3147949083157597E-3</c:v>
                </c:pt>
                <c:pt idx="53">
                  <c:v>6.6869517979569497E-3</c:v>
                </c:pt>
                <c:pt idx="54">
                  <c:v>7.0814878792629099E-3</c:v>
                </c:pt>
                <c:pt idx="55">
                  <c:v>7.4802937797629997E-3</c:v>
                </c:pt>
                <c:pt idx="56">
                  <c:v>7.8841145052867007E-3</c:v>
                </c:pt>
                <c:pt idx="57">
                  <c:v>8.1995385118638492E-3</c:v>
                </c:pt>
                <c:pt idx="58">
                  <c:v>8.5950959838299E-3</c:v>
                </c:pt>
                <c:pt idx="59">
                  <c:v>9.0060657185547805E-3</c:v>
                </c:pt>
                <c:pt idx="60">
                  <c:v>9.4143426960848504E-3</c:v>
                </c:pt>
                <c:pt idx="61">
                  <c:v>9.8086930699980701E-3</c:v>
                </c:pt>
                <c:pt idx="62">
                  <c:v>1.0210468837943E-2</c:v>
                </c:pt>
                <c:pt idx="63">
                  <c:v>1.0567118434870499E-2</c:v>
                </c:pt>
                <c:pt idx="64">
                  <c:v>1.09250745123228E-2</c:v>
                </c:pt>
                <c:pt idx="65">
                  <c:v>1.13191426980494E-2</c:v>
                </c:pt>
                <c:pt idx="66">
                  <c:v>1.16985443522661E-2</c:v>
                </c:pt>
                <c:pt idx="67">
                  <c:v>1.2102183722914101E-2</c:v>
                </c:pt>
                <c:pt idx="68">
                  <c:v>1.2486410867664201E-2</c:v>
                </c:pt>
                <c:pt idx="69">
                  <c:v>1.27985835440293E-2</c:v>
                </c:pt>
                <c:pt idx="70">
                  <c:v>1.3194227340916201E-2</c:v>
                </c:pt>
                <c:pt idx="71">
                  <c:v>1.3589042708730801E-2</c:v>
                </c:pt>
                <c:pt idx="72">
                  <c:v>1.39788439769413E-2</c:v>
                </c:pt>
                <c:pt idx="73">
                  <c:v>1.43810861896266E-2</c:v>
                </c:pt>
                <c:pt idx="74">
                  <c:v>1.47323531738425E-2</c:v>
                </c:pt>
                <c:pt idx="75">
                  <c:v>1.50955939323735E-2</c:v>
                </c:pt>
                <c:pt idx="76">
                  <c:v>1.54906878612772E-2</c:v>
                </c:pt>
                <c:pt idx="77">
                  <c:v>1.58681352353531E-2</c:v>
                </c:pt>
                <c:pt idx="78">
                  <c:v>1.6271774606001099E-2</c:v>
                </c:pt>
                <c:pt idx="79">
                  <c:v>1.66533104443954E-2</c:v>
                </c:pt>
                <c:pt idx="80">
                  <c:v>1.6962053337350701E-2</c:v>
                </c:pt>
                <c:pt idx="81">
                  <c:v>1.7350358790546201E-2</c:v>
                </c:pt>
                <c:pt idx="82">
                  <c:v>1.7763559190242501E-2</c:v>
                </c:pt>
                <c:pt idx="83">
                  <c:v>1.8152521873507601E-2</c:v>
                </c:pt>
                <c:pt idx="84">
                  <c:v>1.8548544339375E-2</c:v>
                </c:pt>
                <c:pt idx="85">
                  <c:v>1.8945962512366101E-2</c:v>
                </c:pt>
                <c:pt idx="86">
                  <c:v>1.9254695249448402E-2</c:v>
                </c:pt>
                <c:pt idx="87">
                  <c:v>1.9647846504923301E-2</c:v>
                </c:pt>
                <c:pt idx="88">
                  <c:v>2.00207382445209E-2</c:v>
                </c:pt>
                <c:pt idx="89">
                  <c:v>2.0419082052797698E-2</c:v>
                </c:pt>
                <c:pt idx="90">
                  <c:v>2.0799780757085599E-2</c:v>
                </c:pt>
                <c:pt idx="91">
                  <c:v>2.1098035534867901E-2</c:v>
                </c:pt>
                <c:pt idx="92">
                  <c:v>2.1475762920871899E-2</c:v>
                </c:pt>
                <c:pt idx="93">
                  <c:v>2.1871595326829599E-2</c:v>
                </c:pt>
                <c:pt idx="94">
                  <c:v>2.2258513777935501E-2</c:v>
                </c:pt>
                <c:pt idx="95">
                  <c:v>2.2649432192180501E-2</c:v>
                </c:pt>
                <c:pt idx="96">
                  <c:v>2.30447060251209E-2</c:v>
                </c:pt>
                <c:pt idx="97">
                  <c:v>2.3344157745083E-2</c:v>
                </c:pt>
                <c:pt idx="98">
                  <c:v>2.3732103390205001E-2</c:v>
                </c:pt>
                <c:pt idx="99">
                  <c:v>2.4102312528480899E-2</c:v>
                </c:pt>
                <c:pt idx="100">
                  <c:v>2.447707004704E-2</c:v>
                </c:pt>
                <c:pt idx="101">
                  <c:v>2.4856748811506901E-2</c:v>
                </c:pt>
                <c:pt idx="102">
                  <c:v>2.5230667745120599E-2</c:v>
                </c:pt>
                <c:pt idx="103">
                  <c:v>2.55282638419943E-2</c:v>
                </c:pt>
                <c:pt idx="104">
                  <c:v>2.5914358216544899E-2</c:v>
                </c:pt>
                <c:pt idx="105">
                  <c:v>2.6276110414255802E-2</c:v>
                </c:pt>
                <c:pt idx="106">
                  <c:v>2.6665353109449098E-2</c:v>
                </c:pt>
                <c:pt idx="107">
                  <c:v>2.70496716570565E-2</c:v>
                </c:pt>
                <c:pt idx="108">
                  <c:v>2.7339003774953002E-2</c:v>
                </c:pt>
                <c:pt idx="109">
                  <c:v>2.7713668439815799E-2</c:v>
                </c:pt>
                <c:pt idx="110">
                  <c:v>2.8066701095101801E-2</c:v>
                </c:pt>
                <c:pt idx="111">
                  <c:v>2.8441734273071999E-2</c:v>
                </c:pt>
                <c:pt idx="112">
                  <c:v>2.8792721245359799E-2</c:v>
                </c:pt>
                <c:pt idx="113">
                  <c:v>2.9152253659391902E-2</c:v>
                </c:pt>
                <c:pt idx="114">
                  <c:v>2.9428774868867E-2</c:v>
                </c:pt>
                <c:pt idx="115">
                  <c:v>2.9791455603541701E-2</c:v>
                </c:pt>
                <c:pt idx="116">
                  <c:v>3.0129161595570199E-2</c:v>
                </c:pt>
                <c:pt idx="117">
                  <c:v>3.0501136404916199E-2</c:v>
                </c:pt>
                <c:pt idx="118">
                  <c:v>3.1623827546077198E-2</c:v>
                </c:pt>
                <c:pt idx="119">
                  <c:v>3.1955045386071697E-2</c:v>
                </c:pt>
                <c:pt idx="120">
                  <c:v>3.2368792752073203E-2</c:v>
                </c:pt>
                <c:pt idx="121">
                  <c:v>3.2773550719594702E-2</c:v>
                </c:pt>
                <c:pt idx="122">
                  <c:v>3.3187118181559498E-2</c:v>
                </c:pt>
                <c:pt idx="123">
                  <c:v>3.3581566487105599E-2</c:v>
                </c:pt>
                <c:pt idx="124">
                  <c:v>3.3964027960785598E-2</c:v>
                </c:pt>
                <c:pt idx="125">
                  <c:v>3.4289381509518602E-2</c:v>
                </c:pt>
                <c:pt idx="126">
                  <c:v>3.4695802138540698E-2</c:v>
                </c:pt>
                <c:pt idx="127">
                  <c:v>3.5082172172502403E-2</c:v>
                </c:pt>
                <c:pt idx="128">
                  <c:v>3.5488215583382998E-2</c:v>
                </c:pt>
                <c:pt idx="129">
                  <c:v>3.5918783976817997E-2</c:v>
                </c:pt>
                <c:pt idx="130">
                  <c:v>3.6307658158903799E-2</c:v>
                </c:pt>
                <c:pt idx="131">
                  <c:v>3.6635054488956903E-2</c:v>
                </c:pt>
                <c:pt idx="132">
                  <c:v>3.7018723060689797E-2</c:v>
                </c:pt>
                <c:pt idx="133">
                  <c:v>3.7416142684519801E-2</c:v>
                </c:pt>
                <c:pt idx="134">
                  <c:v>3.7806499624069498E-2</c:v>
                </c:pt>
                <c:pt idx="135">
                  <c:v>3.8184686926038401E-2</c:v>
                </c:pt>
                <c:pt idx="136">
                  <c:v>3.84891512947656E-2</c:v>
                </c:pt>
                <c:pt idx="137">
                  <c:v>3.8894277775394497E-2</c:v>
                </c:pt>
                <c:pt idx="138">
                  <c:v>3.9280549152303897E-2</c:v>
                </c:pt>
                <c:pt idx="139">
                  <c:v>3.9678804459401203E-2</c:v>
                </c:pt>
                <c:pt idx="140">
                  <c:v>4.0082343722157798E-2</c:v>
                </c:pt>
                <c:pt idx="141">
                  <c:v>4.0463879560552099E-2</c:v>
                </c:pt>
                <c:pt idx="142">
                  <c:v>4.0782361935753499E-2</c:v>
                </c:pt>
                <c:pt idx="143">
                  <c:v>4.1152204011761E-2</c:v>
                </c:pt>
                <c:pt idx="144">
                  <c:v>4.1549890589967997E-2</c:v>
                </c:pt>
                <c:pt idx="145">
                  <c:v>4.1926969450936498E-2</c:v>
                </c:pt>
                <c:pt idx="146">
                  <c:v>4.2297827114248003E-2</c:v>
                </c:pt>
                <c:pt idx="147">
                  <c:v>4.2662562236954901E-2</c:v>
                </c:pt>
                <c:pt idx="148">
                  <c:v>4.2975473390373997E-2</c:v>
                </c:pt>
                <c:pt idx="149">
                  <c:v>4.3344755442525099E-2</c:v>
                </c:pt>
                <c:pt idx="150">
                  <c:v>4.3724335549939597E-2</c:v>
                </c:pt>
                <c:pt idx="151">
                  <c:v>4.4117208244325398E-2</c:v>
                </c:pt>
                <c:pt idx="152">
                  <c:v>4.4474137853181002E-2</c:v>
                </c:pt>
                <c:pt idx="153">
                  <c:v>4.4791883202167503E-2</c:v>
                </c:pt>
                <c:pt idx="154">
                  <c:v>4.5145931444757599E-2</c:v>
                </c:pt>
                <c:pt idx="155">
                  <c:v>4.55139077418035E-2</c:v>
                </c:pt>
                <c:pt idx="156">
                  <c:v>4.5864616153002198E-2</c:v>
                </c:pt>
                <c:pt idx="157">
                  <c:v>4.6214674588326198E-2</c:v>
                </c:pt>
                <c:pt idx="158">
                  <c:v>4.6559530314975402E-2</c:v>
                </c:pt>
                <c:pt idx="159">
                  <c:v>4.6847846845567802E-2</c:v>
                </c:pt>
                <c:pt idx="160">
                  <c:v>4.7188344251843498E-2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2-C35B-3E4A-BE9D-DDDA28AA4F89}"/>
            </c:ext>
          </c:extLst>
        </c:ser>
        <c:ser>
          <c:idx val="4"/>
          <c:order val="4"/>
          <c:tx>
            <c:strRef>
              <c:f>'[852-DBRL102018D-G10X-Dev37-85-LIV-rev01.xls]plot-sheet'!$F$1</c:f>
              <c:strCache>
                <c:ptCount val="1"/>
                <c:pt idx="0">
                  <c:v>60°C</c:v>
                </c:pt>
              </c:strCache>
            </c:strRef>
          </c:tx>
          <c:spPr>
            <a:ln>
              <a:solidFill>
                <a:srgbClr val="FFFF00"/>
              </a:solidFill>
            </a:ln>
          </c:spPr>
          <c:marker>
            <c:symbol val="none"/>
          </c:marker>
          <c:xVal>
            <c:numRef>
              <c:f>'[852-DBRL102018D-G10X-Dev37-85-LIV-rev01.xls]plot-sheet'!$A$2:$A$162</c:f>
              <c:numCache>
                <c:formatCode>General</c:formatCode>
                <c:ptCount val="161"/>
                <c:pt idx="0">
                  <c:v>0</c:v>
                </c:pt>
                <c:pt idx="1">
                  <c:v>5.0000000000000001E-4</c:v>
                </c:pt>
                <c:pt idx="2">
                  <c:v>1E-3</c:v>
                </c:pt>
                <c:pt idx="3">
                  <c:v>1.5E-3</c:v>
                </c:pt>
                <c:pt idx="4">
                  <c:v>2E-3</c:v>
                </c:pt>
                <c:pt idx="5">
                  <c:v>2.5000000000000001E-3</c:v>
                </c:pt>
                <c:pt idx="6">
                  <c:v>3.0000000000000001E-3</c:v>
                </c:pt>
                <c:pt idx="7">
                  <c:v>3.5000000000000001E-3</c:v>
                </c:pt>
                <c:pt idx="8">
                  <c:v>4.0000000000000001E-3</c:v>
                </c:pt>
                <c:pt idx="9">
                  <c:v>4.4999999999999997E-3</c:v>
                </c:pt>
                <c:pt idx="10">
                  <c:v>5.0000000000000001E-3</c:v>
                </c:pt>
                <c:pt idx="11">
                  <c:v>5.4999999999999997E-3</c:v>
                </c:pt>
                <c:pt idx="12">
                  <c:v>6.0000000000000001E-3</c:v>
                </c:pt>
                <c:pt idx="13">
                  <c:v>6.4999999999999997E-3</c:v>
                </c:pt>
                <c:pt idx="14">
                  <c:v>7.0000000000000001E-3</c:v>
                </c:pt>
                <c:pt idx="15">
                  <c:v>7.4999999999999997E-3</c:v>
                </c:pt>
                <c:pt idx="16">
                  <c:v>8.0000000000000002E-3</c:v>
                </c:pt>
                <c:pt idx="17">
                  <c:v>8.5000000000000006E-3</c:v>
                </c:pt>
                <c:pt idx="18">
                  <c:v>8.9999999999999906E-3</c:v>
                </c:pt>
                <c:pt idx="19">
                  <c:v>9.4999999999999998E-3</c:v>
                </c:pt>
                <c:pt idx="20">
                  <c:v>0.01</c:v>
                </c:pt>
                <c:pt idx="21">
                  <c:v>1.0500000000000001E-2</c:v>
                </c:pt>
                <c:pt idx="22">
                  <c:v>1.0999999999999999E-2</c:v>
                </c:pt>
                <c:pt idx="23">
                  <c:v>1.15E-2</c:v>
                </c:pt>
                <c:pt idx="24">
                  <c:v>1.2E-2</c:v>
                </c:pt>
                <c:pt idx="25">
                  <c:v>1.2500000000000001E-2</c:v>
                </c:pt>
                <c:pt idx="26">
                  <c:v>1.2999999999999999E-2</c:v>
                </c:pt>
                <c:pt idx="27">
                  <c:v>1.35E-2</c:v>
                </c:pt>
                <c:pt idx="28">
                  <c:v>1.4E-2</c:v>
                </c:pt>
                <c:pt idx="29">
                  <c:v>1.4500000000000001E-2</c:v>
                </c:pt>
                <c:pt idx="30">
                  <c:v>1.4999999999999999E-2</c:v>
                </c:pt>
                <c:pt idx="31">
                  <c:v>1.55E-2</c:v>
                </c:pt>
                <c:pt idx="32">
                  <c:v>1.6E-2</c:v>
                </c:pt>
                <c:pt idx="33">
                  <c:v>1.6500000000000001E-2</c:v>
                </c:pt>
                <c:pt idx="34">
                  <c:v>1.7000000000000001E-2</c:v>
                </c:pt>
                <c:pt idx="35">
                  <c:v>1.7500000000000002E-2</c:v>
                </c:pt>
                <c:pt idx="36">
                  <c:v>1.7999999999999999E-2</c:v>
                </c:pt>
                <c:pt idx="37">
                  <c:v>1.8499999999999999E-2</c:v>
                </c:pt>
                <c:pt idx="38">
                  <c:v>1.9E-2</c:v>
                </c:pt>
                <c:pt idx="39">
                  <c:v>1.95E-2</c:v>
                </c:pt>
                <c:pt idx="40">
                  <c:v>0.02</c:v>
                </c:pt>
                <c:pt idx="41">
                  <c:v>2.0500000000000001E-2</c:v>
                </c:pt>
                <c:pt idx="42">
                  <c:v>2.1000000000000001E-2</c:v>
                </c:pt>
                <c:pt idx="43">
                  <c:v>2.1499999999999998E-2</c:v>
                </c:pt>
                <c:pt idx="44">
                  <c:v>2.1999999999999999E-2</c:v>
                </c:pt>
                <c:pt idx="45">
                  <c:v>2.2499999999999999E-2</c:v>
                </c:pt>
                <c:pt idx="46">
                  <c:v>2.3E-2</c:v>
                </c:pt>
                <c:pt idx="47">
                  <c:v>2.35E-2</c:v>
                </c:pt>
                <c:pt idx="48">
                  <c:v>2.4E-2</c:v>
                </c:pt>
                <c:pt idx="49">
                  <c:v>2.4500000000000001E-2</c:v>
                </c:pt>
                <c:pt idx="50">
                  <c:v>2.5000000000000001E-2</c:v>
                </c:pt>
                <c:pt idx="51">
                  <c:v>2.5499999999999998E-2</c:v>
                </c:pt>
                <c:pt idx="52">
                  <c:v>2.5999999999999999E-2</c:v>
                </c:pt>
                <c:pt idx="53">
                  <c:v>2.6499999999999999E-2</c:v>
                </c:pt>
                <c:pt idx="54">
                  <c:v>2.7E-2</c:v>
                </c:pt>
                <c:pt idx="55">
                  <c:v>2.75E-2</c:v>
                </c:pt>
                <c:pt idx="56">
                  <c:v>2.8000000000000001E-2</c:v>
                </c:pt>
                <c:pt idx="57">
                  <c:v>2.8500000000000001E-2</c:v>
                </c:pt>
                <c:pt idx="58">
                  <c:v>2.9000000000000001E-2</c:v>
                </c:pt>
                <c:pt idx="59">
                  <c:v>2.9499999999999998E-2</c:v>
                </c:pt>
                <c:pt idx="60">
                  <c:v>0.03</c:v>
                </c:pt>
                <c:pt idx="61">
                  <c:v>3.0499999999999999E-2</c:v>
                </c:pt>
                <c:pt idx="62">
                  <c:v>3.1E-2</c:v>
                </c:pt>
                <c:pt idx="63">
                  <c:v>3.15E-2</c:v>
                </c:pt>
                <c:pt idx="64">
                  <c:v>3.2000000000000001E-2</c:v>
                </c:pt>
                <c:pt idx="65">
                  <c:v>3.2500000000000001E-2</c:v>
                </c:pt>
                <c:pt idx="66">
                  <c:v>3.3000000000000002E-2</c:v>
                </c:pt>
                <c:pt idx="67">
                  <c:v>3.3500000000000002E-2</c:v>
                </c:pt>
                <c:pt idx="68">
                  <c:v>3.4000000000000002E-2</c:v>
                </c:pt>
                <c:pt idx="69">
                  <c:v>3.4500000000000003E-2</c:v>
                </c:pt>
                <c:pt idx="70">
                  <c:v>3.5000000000000003E-2</c:v>
                </c:pt>
                <c:pt idx="71">
                  <c:v>3.5499999999999997E-2</c:v>
                </c:pt>
                <c:pt idx="72">
                  <c:v>3.5999999999999997E-2</c:v>
                </c:pt>
                <c:pt idx="73">
                  <c:v>3.6499999999999998E-2</c:v>
                </c:pt>
                <c:pt idx="74">
                  <c:v>3.6999999999999998E-2</c:v>
                </c:pt>
                <c:pt idx="75">
                  <c:v>3.7499999999999999E-2</c:v>
                </c:pt>
                <c:pt idx="76">
                  <c:v>3.7999999999999999E-2</c:v>
                </c:pt>
                <c:pt idx="77">
                  <c:v>3.85E-2</c:v>
                </c:pt>
                <c:pt idx="78">
                  <c:v>3.9E-2</c:v>
                </c:pt>
                <c:pt idx="79">
                  <c:v>3.95E-2</c:v>
                </c:pt>
                <c:pt idx="80">
                  <c:v>0.04</c:v>
                </c:pt>
                <c:pt idx="81">
                  <c:v>4.0500000000000001E-2</c:v>
                </c:pt>
                <c:pt idx="82">
                  <c:v>4.1000000000000002E-2</c:v>
                </c:pt>
                <c:pt idx="83">
                  <c:v>4.1500000000000002E-2</c:v>
                </c:pt>
                <c:pt idx="84">
                  <c:v>4.2000000000000003E-2</c:v>
                </c:pt>
                <c:pt idx="85">
                  <c:v>4.2500000000000003E-2</c:v>
                </c:pt>
                <c:pt idx="86">
                  <c:v>4.2999999999999997E-2</c:v>
                </c:pt>
                <c:pt idx="87">
                  <c:v>4.3499999999999997E-2</c:v>
                </c:pt>
                <c:pt idx="88">
                  <c:v>4.3999999999999997E-2</c:v>
                </c:pt>
                <c:pt idx="89">
                  <c:v>4.4499999999999998E-2</c:v>
                </c:pt>
                <c:pt idx="90">
                  <c:v>4.4999999999999998E-2</c:v>
                </c:pt>
                <c:pt idx="91">
                  <c:v>4.5499999999999999E-2</c:v>
                </c:pt>
                <c:pt idx="92">
                  <c:v>4.5999999999999999E-2</c:v>
                </c:pt>
                <c:pt idx="93">
                  <c:v>4.65E-2</c:v>
                </c:pt>
                <c:pt idx="94">
                  <c:v>4.7E-2</c:v>
                </c:pt>
                <c:pt idx="95">
                  <c:v>4.7500000000000001E-2</c:v>
                </c:pt>
                <c:pt idx="96">
                  <c:v>4.8000000000000001E-2</c:v>
                </c:pt>
                <c:pt idx="97">
                  <c:v>4.8500000000000001E-2</c:v>
                </c:pt>
                <c:pt idx="98">
                  <c:v>4.9000000000000002E-2</c:v>
                </c:pt>
                <c:pt idx="99">
                  <c:v>4.9500000000000002E-2</c:v>
                </c:pt>
                <c:pt idx="100">
                  <c:v>0.05</c:v>
                </c:pt>
                <c:pt idx="101">
                  <c:v>5.0500000000000003E-2</c:v>
                </c:pt>
                <c:pt idx="102">
                  <c:v>5.0999999999999997E-2</c:v>
                </c:pt>
                <c:pt idx="103">
                  <c:v>5.1499999999999997E-2</c:v>
                </c:pt>
                <c:pt idx="104">
                  <c:v>5.1999999999999998E-2</c:v>
                </c:pt>
                <c:pt idx="105">
                  <c:v>5.2499999999999998E-2</c:v>
                </c:pt>
                <c:pt idx="106">
                  <c:v>5.2999999999999999E-2</c:v>
                </c:pt>
                <c:pt idx="107">
                  <c:v>5.3499999999999999E-2</c:v>
                </c:pt>
                <c:pt idx="108">
                  <c:v>5.3999999999999999E-2</c:v>
                </c:pt>
                <c:pt idx="109">
                  <c:v>5.45E-2</c:v>
                </c:pt>
                <c:pt idx="110">
                  <c:v>5.5E-2</c:v>
                </c:pt>
                <c:pt idx="111">
                  <c:v>5.5500000000000001E-2</c:v>
                </c:pt>
                <c:pt idx="112">
                  <c:v>5.6000000000000001E-2</c:v>
                </c:pt>
                <c:pt idx="113">
                  <c:v>5.6500000000000002E-2</c:v>
                </c:pt>
                <c:pt idx="114">
                  <c:v>5.7000000000000002E-2</c:v>
                </c:pt>
                <c:pt idx="115">
                  <c:v>5.7500000000000002E-2</c:v>
                </c:pt>
                <c:pt idx="116">
                  <c:v>5.8000000000000003E-2</c:v>
                </c:pt>
                <c:pt idx="117">
                  <c:v>5.8500000000000003E-2</c:v>
                </c:pt>
                <c:pt idx="118">
                  <c:v>5.8999999999999997E-2</c:v>
                </c:pt>
                <c:pt idx="119">
                  <c:v>5.9499999999999997E-2</c:v>
                </c:pt>
                <c:pt idx="120">
                  <c:v>0.06</c:v>
                </c:pt>
                <c:pt idx="121">
                  <c:v>6.0499999999999998E-2</c:v>
                </c:pt>
                <c:pt idx="122">
                  <c:v>6.0999999999999999E-2</c:v>
                </c:pt>
                <c:pt idx="123">
                  <c:v>6.1499999999999999E-2</c:v>
                </c:pt>
                <c:pt idx="124">
                  <c:v>6.2E-2</c:v>
                </c:pt>
                <c:pt idx="125">
                  <c:v>6.25E-2</c:v>
                </c:pt>
                <c:pt idx="126">
                  <c:v>6.3E-2</c:v>
                </c:pt>
                <c:pt idx="127">
                  <c:v>6.3500000000000001E-2</c:v>
                </c:pt>
                <c:pt idx="128">
                  <c:v>6.4000000000000001E-2</c:v>
                </c:pt>
                <c:pt idx="129">
                  <c:v>6.4500000000000002E-2</c:v>
                </c:pt>
                <c:pt idx="130">
                  <c:v>6.5000000000000002E-2</c:v>
                </c:pt>
                <c:pt idx="131">
                  <c:v>6.5500000000000003E-2</c:v>
                </c:pt>
                <c:pt idx="132">
                  <c:v>6.6000000000000003E-2</c:v>
                </c:pt>
                <c:pt idx="133">
                  <c:v>6.6500000000000004E-2</c:v>
                </c:pt>
                <c:pt idx="134">
                  <c:v>6.7000000000000004E-2</c:v>
                </c:pt>
                <c:pt idx="135">
                  <c:v>6.7500000000000004E-2</c:v>
                </c:pt>
                <c:pt idx="136">
                  <c:v>6.8000000000000005E-2</c:v>
                </c:pt>
                <c:pt idx="137">
                  <c:v>6.8500000000000005E-2</c:v>
                </c:pt>
                <c:pt idx="138">
                  <c:v>6.9000000000000006E-2</c:v>
                </c:pt>
                <c:pt idx="139">
                  <c:v>6.9500000000000006E-2</c:v>
                </c:pt>
                <c:pt idx="140">
                  <c:v>7.0000000000000007E-2</c:v>
                </c:pt>
                <c:pt idx="141">
                  <c:v>7.0499999999999896E-2</c:v>
                </c:pt>
                <c:pt idx="142">
                  <c:v>7.0999999999999897E-2</c:v>
                </c:pt>
                <c:pt idx="143">
                  <c:v>7.1499999999999897E-2</c:v>
                </c:pt>
                <c:pt idx="144">
                  <c:v>7.1999999999999995E-2</c:v>
                </c:pt>
                <c:pt idx="145">
                  <c:v>7.2499999999999995E-2</c:v>
                </c:pt>
                <c:pt idx="146">
                  <c:v>7.2999999999999995E-2</c:v>
                </c:pt>
                <c:pt idx="147">
                  <c:v>7.3499999999999996E-2</c:v>
                </c:pt>
                <c:pt idx="148">
                  <c:v>7.3999999999999996E-2</c:v>
                </c:pt>
                <c:pt idx="149">
                  <c:v>7.4499999999999997E-2</c:v>
                </c:pt>
                <c:pt idx="150">
                  <c:v>7.4999999999999997E-2</c:v>
                </c:pt>
                <c:pt idx="151">
                  <c:v>7.5499999999999998E-2</c:v>
                </c:pt>
                <c:pt idx="152">
                  <c:v>7.5999999999999998E-2</c:v>
                </c:pt>
                <c:pt idx="153">
                  <c:v>7.6499999999999999E-2</c:v>
                </c:pt>
                <c:pt idx="154">
                  <c:v>7.6999999999999999E-2</c:v>
                </c:pt>
                <c:pt idx="155">
                  <c:v>7.7499999999999999E-2</c:v>
                </c:pt>
                <c:pt idx="156">
                  <c:v>7.8E-2</c:v>
                </c:pt>
                <c:pt idx="157">
                  <c:v>7.85E-2</c:v>
                </c:pt>
                <c:pt idx="158">
                  <c:v>7.9000000000000001E-2</c:v>
                </c:pt>
                <c:pt idx="159">
                  <c:v>7.9500000000000001E-2</c:v>
                </c:pt>
                <c:pt idx="160">
                  <c:v>0.08</c:v>
                </c:pt>
              </c:numCache>
            </c:numRef>
          </c:xVal>
          <c:yVal>
            <c:numRef>
              <c:f>'[852-DBRL102018D-G10X-Dev37-85-LIV-rev01.xls]plot-sheet'!$F$2:$F$162</c:f>
              <c:numCache>
                <c:formatCode>General</c:formatCode>
                <c:ptCount val="161"/>
                <c:pt idx="0">
                  <c:v>3.1403120113156002E-4</c:v>
                </c:pt>
                <c:pt idx="1">
                  <c:v>3.1579542136263598E-4</c:v>
                </c:pt>
                <c:pt idx="2">
                  <c:v>3.2238803380507799E-4</c:v>
                </c:pt>
                <c:pt idx="3">
                  <c:v>3.1737397953968599E-4</c:v>
                </c:pt>
                <c:pt idx="4">
                  <c:v>3.2238803380507799E-4</c:v>
                </c:pt>
                <c:pt idx="5">
                  <c:v>3.2155235053772701E-4</c:v>
                </c:pt>
                <c:pt idx="6">
                  <c:v>3.25080768330519E-4</c:v>
                </c:pt>
                <c:pt idx="7">
                  <c:v>3.25080768330519E-4</c:v>
                </c:pt>
                <c:pt idx="8">
                  <c:v>3.2907347727453401E-4</c:v>
                </c:pt>
                <c:pt idx="9">
                  <c:v>3.29352038363651E-4</c:v>
                </c:pt>
                <c:pt idx="10">
                  <c:v>3.3780179274162098E-4</c:v>
                </c:pt>
                <c:pt idx="11">
                  <c:v>3.3724467056338601E-4</c:v>
                </c:pt>
                <c:pt idx="12">
                  <c:v>3.4058733562471497E-4</c:v>
                </c:pt>
                <c:pt idx="13">
                  <c:v>3.4012313515093201E-4</c:v>
                </c:pt>
                <c:pt idx="14">
                  <c:v>3.3965882133035101E-4</c:v>
                </c:pt>
                <c:pt idx="15">
                  <c:v>3.4309440809612997E-4</c:v>
                </c:pt>
                <c:pt idx="16">
                  <c:v>3.4643718650425697E-4</c:v>
                </c:pt>
                <c:pt idx="17">
                  <c:v>3.4578714262157098E-4</c:v>
                </c:pt>
                <c:pt idx="18">
                  <c:v>3.5070836585995098E-4</c:v>
                </c:pt>
                <c:pt idx="19">
                  <c:v>3.5757956206086997E-4</c:v>
                </c:pt>
                <c:pt idx="20">
                  <c:v>3.5860099805968599E-4</c:v>
                </c:pt>
                <c:pt idx="21">
                  <c:v>3.5683680049796899E-4</c:v>
                </c:pt>
                <c:pt idx="22">
                  <c:v>3.6612212479649299E-4</c:v>
                </c:pt>
                <c:pt idx="23">
                  <c:v>3.6909342041105203E-4</c:v>
                </c:pt>
                <c:pt idx="24">
                  <c:v>3.6463648832389401E-4</c:v>
                </c:pt>
                <c:pt idx="25">
                  <c:v>3.6890778102638497E-4</c:v>
                </c:pt>
                <c:pt idx="26">
                  <c:v>3.7940020337775101E-4</c:v>
                </c:pt>
                <c:pt idx="27">
                  <c:v>3.8599281582019302E-4</c:v>
                </c:pt>
                <c:pt idx="28">
                  <c:v>3.9778523525949201E-4</c:v>
                </c:pt>
                <c:pt idx="29">
                  <c:v>4.10506191662515E-4</c:v>
                </c:pt>
                <c:pt idx="30">
                  <c:v>4.1849160955054399E-4</c:v>
                </c:pt>
                <c:pt idx="31">
                  <c:v>4.3167687977414799E-4</c:v>
                </c:pt>
                <c:pt idx="32">
                  <c:v>4.4430498248079899E-4</c:v>
                </c:pt>
                <c:pt idx="33">
                  <c:v>4.5219750133373602E-4</c:v>
                </c:pt>
                <c:pt idx="34">
                  <c:v>4.6751836123518699E-4</c:v>
                </c:pt>
                <c:pt idx="35">
                  <c:v>4.7086109430459499E-4</c:v>
                </c:pt>
                <c:pt idx="36">
                  <c:v>4.8358205070761799E-4</c:v>
                </c:pt>
                <c:pt idx="37">
                  <c:v>4.9537447014691698E-4</c:v>
                </c:pt>
                <c:pt idx="38">
                  <c:v>5.0660976740798101E-4</c:v>
                </c:pt>
                <c:pt idx="39">
                  <c:v>5.2183777361305896E-4</c:v>
                </c:pt>
                <c:pt idx="40">
                  <c:v>5.3168026542853698E-4</c:v>
                </c:pt>
                <c:pt idx="41">
                  <c:v>5.4765114654331396E-4</c:v>
                </c:pt>
                <c:pt idx="42">
                  <c:v>5.5656510139506701E-4</c:v>
                </c:pt>
                <c:pt idx="43">
                  <c:v>5.7225733074328905E-4</c:v>
                </c:pt>
                <c:pt idx="44">
                  <c:v>6.1719851978754505E-4</c:v>
                </c:pt>
                <c:pt idx="45">
                  <c:v>7.8294236781233399E-4</c:v>
                </c:pt>
                <c:pt idx="46">
                  <c:v>1.0020767285415101E-3</c:v>
                </c:pt>
                <c:pt idx="47">
                  <c:v>1.6350607394221301E-3</c:v>
                </c:pt>
                <c:pt idx="48">
                  <c:v>2.6700080391892402E-3</c:v>
                </c:pt>
                <c:pt idx="49">
                  <c:v>3.3608395402001199E-3</c:v>
                </c:pt>
                <c:pt idx="50">
                  <c:v>4.3315324447872599E-3</c:v>
                </c:pt>
                <c:pt idx="51">
                  <c:v>4.8771404019619102E-3</c:v>
                </c:pt>
                <c:pt idx="52">
                  <c:v>5.2687976559705699E-3</c:v>
                </c:pt>
                <c:pt idx="53">
                  <c:v>5.6523759129753302E-3</c:v>
                </c:pt>
                <c:pt idx="54">
                  <c:v>6.0583319108058501E-3</c:v>
                </c:pt>
                <c:pt idx="55">
                  <c:v>6.4387538675534503E-3</c:v>
                </c:pt>
                <c:pt idx="56">
                  <c:v>6.8407175191497003E-3</c:v>
                </c:pt>
                <c:pt idx="57">
                  <c:v>7.1578128922615497E-3</c:v>
                </c:pt>
                <c:pt idx="58">
                  <c:v>7.5458484894019399E-3</c:v>
                </c:pt>
                <c:pt idx="59">
                  <c:v>7.9286842795454702E-3</c:v>
                </c:pt>
                <c:pt idx="60">
                  <c:v>8.34086111232318E-3</c:v>
                </c:pt>
                <c:pt idx="61">
                  <c:v>8.7250904333318006E-3</c:v>
                </c:pt>
                <c:pt idx="62">
                  <c:v>9.1348537954233401E-3</c:v>
                </c:pt>
                <c:pt idx="63">
                  <c:v>9.4951268627678706E-3</c:v>
                </c:pt>
                <c:pt idx="64">
                  <c:v>9.8706257600589802E-3</c:v>
                </c:pt>
                <c:pt idx="65">
                  <c:v>1.0261266338634299E-2</c:v>
                </c:pt>
                <c:pt idx="66">
                  <c:v>1.06419643175027E-2</c:v>
                </c:pt>
                <c:pt idx="67">
                  <c:v>1.1027487786904501E-2</c:v>
                </c:pt>
                <c:pt idx="68">
                  <c:v>1.1410418607003E-2</c:v>
                </c:pt>
                <c:pt idx="69">
                  <c:v>1.17179464222909E-2</c:v>
                </c:pt>
                <c:pt idx="70">
                  <c:v>1.2100787290371E-2</c:v>
                </c:pt>
                <c:pt idx="71">
                  <c:v>1.2487896526806199E-2</c:v>
                </c:pt>
                <c:pt idx="72">
                  <c:v>1.2867388133041301E-2</c:v>
                </c:pt>
                <c:pt idx="73">
                  <c:v>1.32412156637977E-2</c:v>
                </c:pt>
                <c:pt idx="74">
                  <c:v>1.3598793797688901E-2</c:v>
                </c:pt>
                <c:pt idx="75">
                  <c:v>1.39613860311842E-2</c:v>
                </c:pt>
                <c:pt idx="76">
                  <c:v>1.43616855704408E-2</c:v>
                </c:pt>
                <c:pt idx="77">
                  <c:v>1.47423828238898E-2</c:v>
                </c:pt>
                <c:pt idx="78">
                  <c:v>1.51217844781065E-2</c:v>
                </c:pt>
                <c:pt idx="79">
                  <c:v>1.55032202086094E-2</c:v>
                </c:pt>
                <c:pt idx="80">
                  <c:v>1.5803609170569301E-2</c:v>
                </c:pt>
                <c:pt idx="81">
                  <c:v>1.6182910716894601E-2</c:v>
                </c:pt>
                <c:pt idx="82">
                  <c:v>1.65760518164965E-2</c:v>
                </c:pt>
                <c:pt idx="83">
                  <c:v>1.6942642562291901E-2</c:v>
                </c:pt>
                <c:pt idx="84">
                  <c:v>1.7345533300012799E-2</c:v>
                </c:pt>
                <c:pt idx="85">
                  <c:v>1.77305975788693E-2</c:v>
                </c:pt>
                <c:pt idx="86">
                  <c:v>1.8038683241755001E-2</c:v>
                </c:pt>
                <c:pt idx="87">
                  <c:v>1.8425703251591301E-2</c:v>
                </c:pt>
                <c:pt idx="88">
                  <c:v>1.8806310553021899E-2</c:v>
                </c:pt>
                <c:pt idx="89">
                  <c:v>1.91908177097002E-2</c:v>
                </c:pt>
                <c:pt idx="90">
                  <c:v>1.9557128443567402E-2</c:v>
                </c:pt>
                <c:pt idx="91">
                  <c:v>1.98492418198381E-2</c:v>
                </c:pt>
                <c:pt idx="92">
                  <c:v>2.0221495190273098E-2</c:v>
                </c:pt>
                <c:pt idx="93">
                  <c:v>2.0610547825556599E-2</c:v>
                </c:pt>
                <c:pt idx="94">
                  <c:v>2.0969710275642199E-2</c:v>
                </c:pt>
                <c:pt idx="95">
                  <c:v>2.1341396368026001E-2</c:v>
                </c:pt>
                <c:pt idx="96">
                  <c:v>2.1727119327791099E-2</c:v>
                </c:pt>
                <c:pt idx="97">
                  <c:v>2.2028703781091799E-2</c:v>
                </c:pt>
                <c:pt idx="98">
                  <c:v>2.2407736922201001E-2</c:v>
                </c:pt>
                <c:pt idx="99">
                  <c:v>2.27910369808264E-2</c:v>
                </c:pt>
                <c:pt idx="100">
                  <c:v>2.3177208249844299E-2</c:v>
                </c:pt>
                <c:pt idx="101">
                  <c:v>2.35341378587E-2</c:v>
                </c:pt>
                <c:pt idx="102">
                  <c:v>2.3886989159110202E-2</c:v>
                </c:pt>
                <c:pt idx="103">
                  <c:v>2.4179571156379798E-2</c:v>
                </c:pt>
                <c:pt idx="104">
                  <c:v>2.4553120126047E-2</c:v>
                </c:pt>
                <c:pt idx="105">
                  <c:v>2.49107867611176E-2</c:v>
                </c:pt>
                <c:pt idx="106">
                  <c:v>2.5269950662042202E-2</c:v>
                </c:pt>
                <c:pt idx="107">
                  <c:v>2.5638484081266399E-2</c:v>
                </c:pt>
                <c:pt idx="108">
                  <c:v>2.59264204920393E-2</c:v>
                </c:pt>
                <c:pt idx="109">
                  <c:v>2.6289951418371399E-2</c:v>
                </c:pt>
                <c:pt idx="110">
                  <c:v>2.68396423992181E-2</c:v>
                </c:pt>
                <c:pt idx="111">
                  <c:v>2.7573369406275101E-2</c:v>
                </c:pt>
                <c:pt idx="112">
                  <c:v>2.79671590309125E-2</c:v>
                </c:pt>
                <c:pt idx="113">
                  <c:v>2.8336629692134501E-2</c:v>
                </c:pt>
                <c:pt idx="114">
                  <c:v>2.8651305065784598E-2</c:v>
                </c:pt>
                <c:pt idx="115">
                  <c:v>2.9051873010257301E-2</c:v>
                </c:pt>
                <c:pt idx="116">
                  <c:v>2.9426262015708901E-2</c:v>
                </c:pt>
                <c:pt idx="117">
                  <c:v>2.98095620743343E-2</c:v>
                </c:pt>
                <c:pt idx="118">
                  <c:v>3.0216728434605399E-2</c:v>
                </c:pt>
                <c:pt idx="119">
                  <c:v>3.0535582224592302E-2</c:v>
                </c:pt>
                <c:pt idx="120">
                  <c:v>3.09389444849902E-2</c:v>
                </c:pt>
                <c:pt idx="121">
                  <c:v>3.1341276649693897E-2</c:v>
                </c:pt>
                <c:pt idx="122">
                  <c:v>3.17522529131943E-2</c:v>
                </c:pt>
                <c:pt idx="123">
                  <c:v>3.2139731388156498E-2</c:v>
                </c:pt>
                <c:pt idx="124">
                  <c:v>3.2528045546385997E-2</c:v>
                </c:pt>
                <c:pt idx="125">
                  <c:v>3.2852191997066099E-2</c:v>
                </c:pt>
                <c:pt idx="126">
                  <c:v>3.3259172649944498E-2</c:v>
                </c:pt>
                <c:pt idx="127">
                  <c:v>3.3630587435434199E-2</c:v>
                </c:pt>
                <c:pt idx="128">
                  <c:v>3.4013977446078002E-2</c:v>
                </c:pt>
                <c:pt idx="129">
                  <c:v>3.4413996973406399E-2</c:v>
                </c:pt>
                <c:pt idx="130">
                  <c:v>3.4789123005073003E-2</c:v>
                </c:pt>
                <c:pt idx="131">
                  <c:v>3.51243277506555E-2</c:v>
                </c:pt>
                <c:pt idx="132">
                  <c:v>3.5512453299814298E-2</c:v>
                </c:pt>
                <c:pt idx="133">
                  <c:v>3.5911535585145003E-2</c:v>
                </c:pt>
                <c:pt idx="134">
                  <c:v>3.62849061016145E-2</c:v>
                </c:pt>
                <c:pt idx="135">
                  <c:v>3.6672753089684103E-2</c:v>
                </c:pt>
                <c:pt idx="136">
                  <c:v>3.6964406549990003E-2</c:v>
                </c:pt>
                <c:pt idx="137">
                  <c:v>3.73393526776198E-2</c:v>
                </c:pt>
                <c:pt idx="138">
                  <c:v>3.77180071497486E-2</c:v>
                </c:pt>
                <c:pt idx="139">
                  <c:v>3.8088214837185497E-2</c:v>
                </c:pt>
                <c:pt idx="140">
                  <c:v>3.84753247990402E-2</c:v>
                </c:pt>
                <c:pt idx="141">
                  <c:v>3.8838374046822298E-2</c:v>
                </c:pt>
                <c:pt idx="142">
                  <c:v>3.9162163591107003E-2</c:v>
                </c:pt>
                <c:pt idx="143">
                  <c:v>3.9533111206436898E-2</c:v>
                </c:pt>
                <c:pt idx="144">
                  <c:v>3.9926720927037598E-2</c:v>
                </c:pt>
                <c:pt idx="145">
                  <c:v>4.02947842744239E-2</c:v>
                </c:pt>
                <c:pt idx="146">
                  <c:v>4.0664437741360603E-2</c:v>
                </c:pt>
                <c:pt idx="147">
                  <c:v>4.1023041618428902E-2</c:v>
                </c:pt>
                <c:pt idx="148">
                  <c:v>4.1324447618531802E-2</c:v>
                </c:pt>
                <c:pt idx="149">
                  <c:v>4.1678124446336402E-2</c:v>
                </c:pt>
                <c:pt idx="150">
                  <c:v>4.2049263572415001E-2</c:v>
                </c:pt>
                <c:pt idx="151">
                  <c:v>4.2411944307089701E-2</c:v>
                </c:pt>
                <c:pt idx="152">
                  <c:v>4.2752163152276298E-2</c:v>
                </c:pt>
                <c:pt idx="153">
                  <c:v>4.3049112174953302E-2</c:v>
                </c:pt>
                <c:pt idx="154">
                  <c:v>4.34065989059872E-2</c:v>
                </c:pt>
                <c:pt idx="155">
                  <c:v>4.3760090026399003E-2</c:v>
                </c:pt>
                <c:pt idx="156">
                  <c:v>4.4105691484297202E-2</c:v>
                </c:pt>
                <c:pt idx="157">
                  <c:v>4.4454725627283198E-2</c:v>
                </c:pt>
                <c:pt idx="158">
                  <c:v>4.4808036843658298E-2</c:v>
                </c:pt>
                <c:pt idx="159">
                  <c:v>4.5085672297489901E-2</c:v>
                </c:pt>
                <c:pt idx="160">
                  <c:v>4.5413718603417599E-2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3-C35B-3E4A-BE9D-DDDA28AA4F89}"/>
            </c:ext>
          </c:extLst>
        </c:ser>
        <c:ser>
          <c:idx val="5"/>
          <c:order val="5"/>
          <c:tx>
            <c:strRef>
              <c:f>'[852-DBRL102018D-G10X-Dev37-85-LIV-rev01.xls]plot-sheet'!$G$1</c:f>
              <c:strCache>
                <c:ptCount val="1"/>
                <c:pt idx="0">
                  <c:v>70°C</c:v>
                </c:pt>
              </c:strCache>
            </c:strRef>
          </c:tx>
          <c:spPr>
            <a:ln>
              <a:solidFill>
                <a:srgbClr val="FFC000"/>
              </a:solidFill>
            </a:ln>
          </c:spPr>
          <c:marker>
            <c:symbol val="none"/>
          </c:marker>
          <c:xVal>
            <c:numRef>
              <c:f>'[852-DBRL102018D-G10X-Dev37-85-LIV-rev01.xls]plot-sheet'!$A$2:$A$162</c:f>
              <c:numCache>
                <c:formatCode>General</c:formatCode>
                <c:ptCount val="161"/>
                <c:pt idx="0">
                  <c:v>0</c:v>
                </c:pt>
                <c:pt idx="1">
                  <c:v>5.0000000000000001E-4</c:v>
                </c:pt>
                <c:pt idx="2">
                  <c:v>1E-3</c:v>
                </c:pt>
                <c:pt idx="3">
                  <c:v>1.5E-3</c:v>
                </c:pt>
                <c:pt idx="4">
                  <c:v>2E-3</c:v>
                </c:pt>
                <c:pt idx="5">
                  <c:v>2.5000000000000001E-3</c:v>
                </c:pt>
                <c:pt idx="6">
                  <c:v>3.0000000000000001E-3</c:v>
                </c:pt>
                <c:pt idx="7">
                  <c:v>3.5000000000000001E-3</c:v>
                </c:pt>
                <c:pt idx="8">
                  <c:v>4.0000000000000001E-3</c:v>
                </c:pt>
                <c:pt idx="9">
                  <c:v>4.4999999999999997E-3</c:v>
                </c:pt>
                <c:pt idx="10">
                  <c:v>5.0000000000000001E-3</c:v>
                </c:pt>
                <c:pt idx="11">
                  <c:v>5.4999999999999997E-3</c:v>
                </c:pt>
                <c:pt idx="12">
                  <c:v>6.0000000000000001E-3</c:v>
                </c:pt>
                <c:pt idx="13">
                  <c:v>6.4999999999999997E-3</c:v>
                </c:pt>
                <c:pt idx="14">
                  <c:v>7.0000000000000001E-3</c:v>
                </c:pt>
                <c:pt idx="15">
                  <c:v>7.4999999999999997E-3</c:v>
                </c:pt>
                <c:pt idx="16">
                  <c:v>8.0000000000000002E-3</c:v>
                </c:pt>
                <c:pt idx="17">
                  <c:v>8.5000000000000006E-3</c:v>
                </c:pt>
                <c:pt idx="18">
                  <c:v>8.9999999999999906E-3</c:v>
                </c:pt>
                <c:pt idx="19">
                  <c:v>9.4999999999999998E-3</c:v>
                </c:pt>
                <c:pt idx="20">
                  <c:v>0.01</c:v>
                </c:pt>
                <c:pt idx="21">
                  <c:v>1.0500000000000001E-2</c:v>
                </c:pt>
                <c:pt idx="22">
                  <c:v>1.0999999999999999E-2</c:v>
                </c:pt>
                <c:pt idx="23">
                  <c:v>1.15E-2</c:v>
                </c:pt>
                <c:pt idx="24">
                  <c:v>1.2E-2</c:v>
                </c:pt>
                <c:pt idx="25">
                  <c:v>1.2500000000000001E-2</c:v>
                </c:pt>
                <c:pt idx="26">
                  <c:v>1.2999999999999999E-2</c:v>
                </c:pt>
                <c:pt idx="27">
                  <c:v>1.35E-2</c:v>
                </c:pt>
                <c:pt idx="28">
                  <c:v>1.4E-2</c:v>
                </c:pt>
                <c:pt idx="29">
                  <c:v>1.4500000000000001E-2</c:v>
                </c:pt>
                <c:pt idx="30">
                  <c:v>1.4999999999999999E-2</c:v>
                </c:pt>
                <c:pt idx="31">
                  <c:v>1.55E-2</c:v>
                </c:pt>
                <c:pt idx="32">
                  <c:v>1.6E-2</c:v>
                </c:pt>
                <c:pt idx="33">
                  <c:v>1.6500000000000001E-2</c:v>
                </c:pt>
                <c:pt idx="34">
                  <c:v>1.7000000000000001E-2</c:v>
                </c:pt>
                <c:pt idx="35">
                  <c:v>1.7500000000000002E-2</c:v>
                </c:pt>
                <c:pt idx="36">
                  <c:v>1.7999999999999999E-2</c:v>
                </c:pt>
                <c:pt idx="37">
                  <c:v>1.8499999999999999E-2</c:v>
                </c:pt>
                <c:pt idx="38">
                  <c:v>1.9E-2</c:v>
                </c:pt>
                <c:pt idx="39">
                  <c:v>1.95E-2</c:v>
                </c:pt>
                <c:pt idx="40">
                  <c:v>0.02</c:v>
                </c:pt>
                <c:pt idx="41">
                  <c:v>2.0500000000000001E-2</c:v>
                </c:pt>
                <c:pt idx="42">
                  <c:v>2.1000000000000001E-2</c:v>
                </c:pt>
                <c:pt idx="43">
                  <c:v>2.1499999999999998E-2</c:v>
                </c:pt>
                <c:pt idx="44">
                  <c:v>2.1999999999999999E-2</c:v>
                </c:pt>
                <c:pt idx="45">
                  <c:v>2.2499999999999999E-2</c:v>
                </c:pt>
                <c:pt idx="46">
                  <c:v>2.3E-2</c:v>
                </c:pt>
                <c:pt idx="47">
                  <c:v>2.35E-2</c:v>
                </c:pt>
                <c:pt idx="48">
                  <c:v>2.4E-2</c:v>
                </c:pt>
                <c:pt idx="49">
                  <c:v>2.4500000000000001E-2</c:v>
                </c:pt>
                <c:pt idx="50">
                  <c:v>2.5000000000000001E-2</c:v>
                </c:pt>
                <c:pt idx="51">
                  <c:v>2.5499999999999998E-2</c:v>
                </c:pt>
                <c:pt idx="52">
                  <c:v>2.5999999999999999E-2</c:v>
                </c:pt>
                <c:pt idx="53">
                  <c:v>2.6499999999999999E-2</c:v>
                </c:pt>
                <c:pt idx="54">
                  <c:v>2.7E-2</c:v>
                </c:pt>
                <c:pt idx="55">
                  <c:v>2.75E-2</c:v>
                </c:pt>
                <c:pt idx="56">
                  <c:v>2.8000000000000001E-2</c:v>
                </c:pt>
                <c:pt idx="57">
                  <c:v>2.8500000000000001E-2</c:v>
                </c:pt>
                <c:pt idx="58">
                  <c:v>2.9000000000000001E-2</c:v>
                </c:pt>
                <c:pt idx="59">
                  <c:v>2.9499999999999998E-2</c:v>
                </c:pt>
                <c:pt idx="60">
                  <c:v>0.03</c:v>
                </c:pt>
                <c:pt idx="61">
                  <c:v>3.0499999999999999E-2</c:v>
                </c:pt>
                <c:pt idx="62">
                  <c:v>3.1E-2</c:v>
                </c:pt>
                <c:pt idx="63">
                  <c:v>3.15E-2</c:v>
                </c:pt>
                <c:pt idx="64">
                  <c:v>3.2000000000000001E-2</c:v>
                </c:pt>
                <c:pt idx="65">
                  <c:v>3.2500000000000001E-2</c:v>
                </c:pt>
                <c:pt idx="66">
                  <c:v>3.3000000000000002E-2</c:v>
                </c:pt>
                <c:pt idx="67">
                  <c:v>3.3500000000000002E-2</c:v>
                </c:pt>
                <c:pt idx="68">
                  <c:v>3.4000000000000002E-2</c:v>
                </c:pt>
                <c:pt idx="69">
                  <c:v>3.4500000000000003E-2</c:v>
                </c:pt>
                <c:pt idx="70">
                  <c:v>3.5000000000000003E-2</c:v>
                </c:pt>
                <c:pt idx="71">
                  <c:v>3.5499999999999997E-2</c:v>
                </c:pt>
                <c:pt idx="72">
                  <c:v>3.5999999999999997E-2</c:v>
                </c:pt>
                <c:pt idx="73">
                  <c:v>3.6499999999999998E-2</c:v>
                </c:pt>
                <c:pt idx="74">
                  <c:v>3.6999999999999998E-2</c:v>
                </c:pt>
                <c:pt idx="75">
                  <c:v>3.7499999999999999E-2</c:v>
                </c:pt>
                <c:pt idx="76">
                  <c:v>3.7999999999999999E-2</c:v>
                </c:pt>
                <c:pt idx="77">
                  <c:v>3.85E-2</c:v>
                </c:pt>
                <c:pt idx="78">
                  <c:v>3.9E-2</c:v>
                </c:pt>
                <c:pt idx="79">
                  <c:v>3.95E-2</c:v>
                </c:pt>
                <c:pt idx="80">
                  <c:v>0.04</c:v>
                </c:pt>
                <c:pt idx="81">
                  <c:v>4.0500000000000001E-2</c:v>
                </c:pt>
                <c:pt idx="82">
                  <c:v>4.1000000000000002E-2</c:v>
                </c:pt>
                <c:pt idx="83">
                  <c:v>4.1500000000000002E-2</c:v>
                </c:pt>
                <c:pt idx="84">
                  <c:v>4.2000000000000003E-2</c:v>
                </c:pt>
                <c:pt idx="85">
                  <c:v>4.2500000000000003E-2</c:v>
                </c:pt>
                <c:pt idx="86">
                  <c:v>4.2999999999999997E-2</c:v>
                </c:pt>
                <c:pt idx="87">
                  <c:v>4.3499999999999997E-2</c:v>
                </c:pt>
                <c:pt idx="88">
                  <c:v>4.3999999999999997E-2</c:v>
                </c:pt>
                <c:pt idx="89">
                  <c:v>4.4499999999999998E-2</c:v>
                </c:pt>
                <c:pt idx="90">
                  <c:v>4.4999999999999998E-2</c:v>
                </c:pt>
                <c:pt idx="91">
                  <c:v>4.5499999999999999E-2</c:v>
                </c:pt>
                <c:pt idx="92">
                  <c:v>4.5999999999999999E-2</c:v>
                </c:pt>
                <c:pt idx="93">
                  <c:v>4.65E-2</c:v>
                </c:pt>
                <c:pt idx="94">
                  <c:v>4.7E-2</c:v>
                </c:pt>
                <c:pt idx="95">
                  <c:v>4.7500000000000001E-2</c:v>
                </c:pt>
                <c:pt idx="96">
                  <c:v>4.8000000000000001E-2</c:v>
                </c:pt>
                <c:pt idx="97">
                  <c:v>4.8500000000000001E-2</c:v>
                </c:pt>
                <c:pt idx="98">
                  <c:v>4.9000000000000002E-2</c:v>
                </c:pt>
                <c:pt idx="99">
                  <c:v>4.9500000000000002E-2</c:v>
                </c:pt>
                <c:pt idx="100">
                  <c:v>0.05</c:v>
                </c:pt>
                <c:pt idx="101">
                  <c:v>5.0500000000000003E-2</c:v>
                </c:pt>
                <c:pt idx="102">
                  <c:v>5.0999999999999997E-2</c:v>
                </c:pt>
                <c:pt idx="103">
                  <c:v>5.1499999999999997E-2</c:v>
                </c:pt>
                <c:pt idx="104">
                  <c:v>5.1999999999999998E-2</c:v>
                </c:pt>
                <c:pt idx="105">
                  <c:v>5.2499999999999998E-2</c:v>
                </c:pt>
                <c:pt idx="106">
                  <c:v>5.2999999999999999E-2</c:v>
                </c:pt>
                <c:pt idx="107">
                  <c:v>5.3499999999999999E-2</c:v>
                </c:pt>
                <c:pt idx="108">
                  <c:v>5.3999999999999999E-2</c:v>
                </c:pt>
                <c:pt idx="109">
                  <c:v>5.45E-2</c:v>
                </c:pt>
                <c:pt idx="110">
                  <c:v>5.5E-2</c:v>
                </c:pt>
                <c:pt idx="111">
                  <c:v>5.5500000000000001E-2</c:v>
                </c:pt>
                <c:pt idx="112">
                  <c:v>5.6000000000000001E-2</c:v>
                </c:pt>
                <c:pt idx="113">
                  <c:v>5.6500000000000002E-2</c:v>
                </c:pt>
                <c:pt idx="114">
                  <c:v>5.7000000000000002E-2</c:v>
                </c:pt>
                <c:pt idx="115">
                  <c:v>5.7500000000000002E-2</c:v>
                </c:pt>
                <c:pt idx="116">
                  <c:v>5.8000000000000003E-2</c:v>
                </c:pt>
                <c:pt idx="117">
                  <c:v>5.8500000000000003E-2</c:v>
                </c:pt>
                <c:pt idx="118">
                  <c:v>5.8999999999999997E-2</c:v>
                </c:pt>
                <c:pt idx="119">
                  <c:v>5.9499999999999997E-2</c:v>
                </c:pt>
                <c:pt idx="120">
                  <c:v>0.06</c:v>
                </c:pt>
                <c:pt idx="121">
                  <c:v>6.0499999999999998E-2</c:v>
                </c:pt>
                <c:pt idx="122">
                  <c:v>6.0999999999999999E-2</c:v>
                </c:pt>
                <c:pt idx="123">
                  <c:v>6.1499999999999999E-2</c:v>
                </c:pt>
                <c:pt idx="124">
                  <c:v>6.2E-2</c:v>
                </c:pt>
                <c:pt idx="125">
                  <c:v>6.25E-2</c:v>
                </c:pt>
                <c:pt idx="126">
                  <c:v>6.3E-2</c:v>
                </c:pt>
                <c:pt idx="127">
                  <c:v>6.3500000000000001E-2</c:v>
                </c:pt>
                <c:pt idx="128">
                  <c:v>6.4000000000000001E-2</c:v>
                </c:pt>
                <c:pt idx="129">
                  <c:v>6.4500000000000002E-2</c:v>
                </c:pt>
                <c:pt idx="130">
                  <c:v>6.5000000000000002E-2</c:v>
                </c:pt>
                <c:pt idx="131">
                  <c:v>6.5500000000000003E-2</c:v>
                </c:pt>
                <c:pt idx="132">
                  <c:v>6.6000000000000003E-2</c:v>
                </c:pt>
                <c:pt idx="133">
                  <c:v>6.6500000000000004E-2</c:v>
                </c:pt>
                <c:pt idx="134">
                  <c:v>6.7000000000000004E-2</c:v>
                </c:pt>
                <c:pt idx="135">
                  <c:v>6.7500000000000004E-2</c:v>
                </c:pt>
                <c:pt idx="136">
                  <c:v>6.8000000000000005E-2</c:v>
                </c:pt>
                <c:pt idx="137">
                  <c:v>6.8500000000000005E-2</c:v>
                </c:pt>
                <c:pt idx="138">
                  <c:v>6.9000000000000006E-2</c:v>
                </c:pt>
                <c:pt idx="139">
                  <c:v>6.9500000000000006E-2</c:v>
                </c:pt>
                <c:pt idx="140">
                  <c:v>7.0000000000000007E-2</c:v>
                </c:pt>
                <c:pt idx="141">
                  <c:v>7.0499999999999896E-2</c:v>
                </c:pt>
                <c:pt idx="142">
                  <c:v>7.0999999999999897E-2</c:v>
                </c:pt>
                <c:pt idx="143">
                  <c:v>7.1499999999999897E-2</c:v>
                </c:pt>
                <c:pt idx="144">
                  <c:v>7.1999999999999995E-2</c:v>
                </c:pt>
                <c:pt idx="145">
                  <c:v>7.2499999999999995E-2</c:v>
                </c:pt>
                <c:pt idx="146">
                  <c:v>7.2999999999999995E-2</c:v>
                </c:pt>
                <c:pt idx="147">
                  <c:v>7.3499999999999996E-2</c:v>
                </c:pt>
                <c:pt idx="148">
                  <c:v>7.3999999999999996E-2</c:v>
                </c:pt>
                <c:pt idx="149">
                  <c:v>7.4499999999999997E-2</c:v>
                </c:pt>
                <c:pt idx="150">
                  <c:v>7.4999999999999997E-2</c:v>
                </c:pt>
                <c:pt idx="151">
                  <c:v>7.5499999999999998E-2</c:v>
                </c:pt>
                <c:pt idx="152">
                  <c:v>7.5999999999999998E-2</c:v>
                </c:pt>
                <c:pt idx="153">
                  <c:v>7.6499999999999999E-2</c:v>
                </c:pt>
                <c:pt idx="154">
                  <c:v>7.6999999999999999E-2</c:v>
                </c:pt>
                <c:pt idx="155">
                  <c:v>7.7499999999999999E-2</c:v>
                </c:pt>
                <c:pt idx="156">
                  <c:v>7.8E-2</c:v>
                </c:pt>
                <c:pt idx="157">
                  <c:v>7.85E-2</c:v>
                </c:pt>
                <c:pt idx="158">
                  <c:v>7.9000000000000001E-2</c:v>
                </c:pt>
                <c:pt idx="159">
                  <c:v>7.9500000000000001E-2</c:v>
                </c:pt>
                <c:pt idx="160">
                  <c:v>0.08</c:v>
                </c:pt>
              </c:numCache>
            </c:numRef>
          </c:xVal>
          <c:yVal>
            <c:numRef>
              <c:f>'[852-DBRL102018D-G10X-Dev37-85-LIV-rev01.xls]plot-sheet'!$G$2:$G$162</c:f>
              <c:numCache>
                <c:formatCode>General</c:formatCode>
                <c:ptCount val="161"/>
                <c:pt idx="0">
                  <c:v>3.1421695386302299E-4</c:v>
                </c:pt>
                <c:pt idx="1">
                  <c:v>3.1495971542592501E-4</c:v>
                </c:pt>
                <c:pt idx="2">
                  <c:v>3.1969532194899702E-4</c:v>
                </c:pt>
                <c:pt idx="3">
                  <c:v>3.1904525539695202E-4</c:v>
                </c:pt>
                <c:pt idx="4">
                  <c:v>3.1737397953968599E-4</c:v>
                </c:pt>
                <c:pt idx="5">
                  <c:v>3.2368794021557398E-4</c:v>
                </c:pt>
                <c:pt idx="6">
                  <c:v>3.21830911626844E-4</c:v>
                </c:pt>
                <c:pt idx="7">
                  <c:v>3.2693788759668698E-4</c:v>
                </c:pt>
                <c:pt idx="8">
                  <c:v>3.2675213486522303E-4</c:v>
                </c:pt>
                <c:pt idx="9">
                  <c:v>3.2925923000599801E-4</c:v>
                </c:pt>
                <c:pt idx="10">
                  <c:v>3.3743030994805301E-4</c:v>
                </c:pt>
                <c:pt idx="11">
                  <c:v>3.3473759809197101E-4</c:v>
                </c:pt>
                <c:pt idx="12">
                  <c:v>3.3306620888790797E-4</c:v>
                </c:pt>
                <c:pt idx="13">
                  <c:v>3.4058733562471497E-4</c:v>
                </c:pt>
                <c:pt idx="14">
                  <c:v>3.4290867803402601E-4</c:v>
                </c:pt>
                <c:pt idx="15">
                  <c:v>3.4615862541513998E-4</c:v>
                </c:pt>
                <c:pt idx="16">
                  <c:v>3.4328016082759398E-4</c:v>
                </c:pt>
                <c:pt idx="17">
                  <c:v>3.4959412150348203E-4</c:v>
                </c:pt>
                <c:pt idx="18">
                  <c:v>3.5154407179666201E-4</c:v>
                </c:pt>
                <c:pt idx="19">
                  <c:v>3.5191555459022998E-4</c:v>
                </c:pt>
                <c:pt idx="20">
                  <c:v>3.5340119106282999E-4</c:v>
                </c:pt>
                <c:pt idx="21">
                  <c:v>3.5962234338106401E-4</c:v>
                </c:pt>
                <c:pt idx="22">
                  <c:v>3.5990090447018101E-4</c:v>
                </c:pt>
                <c:pt idx="23">
                  <c:v>3.6361505232507799E-4</c:v>
                </c:pt>
                <c:pt idx="24">
                  <c:v>3.6259372967306001E-4</c:v>
                </c:pt>
                <c:pt idx="25">
                  <c:v>3.7290039929296199E-4</c:v>
                </c:pt>
                <c:pt idx="26">
                  <c:v>3.7206480670304802E-4</c:v>
                </c:pt>
                <c:pt idx="27">
                  <c:v>3.8051444773422002E-4</c:v>
                </c:pt>
                <c:pt idx="28">
                  <c:v>3.7837876737893499E-4</c:v>
                </c:pt>
                <c:pt idx="29">
                  <c:v>3.8227866796529598E-4</c:v>
                </c:pt>
                <c:pt idx="30">
                  <c:v>3.8469281873226E-4</c:v>
                </c:pt>
                <c:pt idx="31">
                  <c:v>3.9072830899646802E-4</c:v>
                </c:pt>
                <c:pt idx="32">
                  <c:v>3.9184255335293801E-4</c:v>
                </c:pt>
                <c:pt idx="33">
                  <c:v>3.9100687008558599E-4</c:v>
                </c:pt>
                <c:pt idx="34">
                  <c:v>4.0372791716604699E-4</c:v>
                </c:pt>
                <c:pt idx="35">
                  <c:v>4.1199180546575503E-4</c:v>
                </c:pt>
                <c:pt idx="36">
                  <c:v>4.27034194955527E-4</c:v>
                </c:pt>
                <c:pt idx="37">
                  <c:v>4.4811198403206802E-4</c:v>
                </c:pt>
                <c:pt idx="38">
                  <c:v>4.6408272913068898E-4</c:v>
                </c:pt>
                <c:pt idx="39">
                  <c:v>4.7355385149939501E-4</c:v>
                </c:pt>
                <c:pt idx="40">
                  <c:v>4.9063888629320403E-4</c:v>
                </c:pt>
                <c:pt idx="41">
                  <c:v>4.9593159232515097E-4</c:v>
                </c:pt>
                <c:pt idx="42">
                  <c:v>5.1143820495806605E-4</c:v>
                </c:pt>
                <c:pt idx="43">
                  <c:v>5.2248774948766602E-4</c:v>
                </c:pt>
                <c:pt idx="44">
                  <c:v>5.3511585219431703E-4</c:v>
                </c:pt>
                <c:pt idx="45">
                  <c:v>5.4635114945538095E-4</c:v>
                </c:pt>
                <c:pt idx="46">
                  <c:v>5.6390049806976999E-4</c:v>
                </c:pt>
                <c:pt idx="47">
                  <c:v>5.7578572586672295E-4</c:v>
                </c:pt>
                <c:pt idx="48">
                  <c:v>6.1051305364873002E-4</c:v>
                </c:pt>
                <c:pt idx="49">
                  <c:v>7.4737935676297404E-4</c:v>
                </c:pt>
                <c:pt idx="50">
                  <c:v>1.0861096864683199E-3</c:v>
                </c:pt>
                <c:pt idx="51">
                  <c:v>1.43171087233419E-3</c:v>
                </c:pt>
                <c:pt idx="52">
                  <c:v>2.03200992870451E-3</c:v>
                </c:pt>
                <c:pt idx="53">
                  <c:v>2.0448244642234099E-3</c:v>
                </c:pt>
                <c:pt idx="54">
                  <c:v>4.2643988596002399E-3</c:v>
                </c:pt>
                <c:pt idx="55">
                  <c:v>4.7425950332085102E-3</c:v>
                </c:pt>
                <c:pt idx="56">
                  <c:v>5.4252561343581199E-3</c:v>
                </c:pt>
                <c:pt idx="57">
                  <c:v>5.8480190139418003E-3</c:v>
                </c:pt>
                <c:pt idx="58">
                  <c:v>6.2410690733960498E-3</c:v>
                </c:pt>
                <c:pt idx="59">
                  <c:v>6.6414534867344603E-3</c:v>
                </c:pt>
                <c:pt idx="60">
                  <c:v>7.0290248153929901E-3</c:v>
                </c:pt>
                <c:pt idx="61">
                  <c:v>7.4085171470476101E-3</c:v>
                </c:pt>
                <c:pt idx="62">
                  <c:v>7.7953456461351597E-3</c:v>
                </c:pt>
                <c:pt idx="63">
                  <c:v>8.1411335368455906E-3</c:v>
                </c:pt>
                <c:pt idx="64">
                  <c:v>8.5053057340182606E-3</c:v>
                </c:pt>
                <c:pt idx="65">
                  <c:v>8.9198974883211695E-3</c:v>
                </c:pt>
                <c:pt idx="66">
                  <c:v>9.3129471850656592E-3</c:v>
                </c:pt>
                <c:pt idx="67">
                  <c:v>9.7227105471572005E-3</c:v>
                </c:pt>
                <c:pt idx="68">
                  <c:v>1.0108235467398001E-2</c:v>
                </c:pt>
                <c:pt idx="69">
                  <c:v>1.04094514075911E-2</c:v>
                </c:pt>
                <c:pt idx="70">
                  <c:v>1.07717745104509E-2</c:v>
                </c:pt>
                <c:pt idx="71">
                  <c:v>1.11637085119999E-2</c:v>
                </c:pt>
                <c:pt idx="72">
                  <c:v>1.1528065691145801E-2</c:v>
                </c:pt>
                <c:pt idx="73">
                  <c:v>1.1906071638239001E-2</c:v>
                </c:pt>
                <c:pt idx="74">
                  <c:v>1.2249262527129001E-2</c:v>
                </c:pt>
                <c:pt idx="75">
                  <c:v>1.26119447126427E-2</c:v>
                </c:pt>
                <c:pt idx="76">
                  <c:v>1.2995244771268099E-2</c:v>
                </c:pt>
                <c:pt idx="77">
                  <c:v>1.33678666548107E-2</c:v>
                </c:pt>
                <c:pt idx="78">
                  <c:v>1.37532994467746E-2</c:v>
                </c:pt>
                <c:pt idx="79">
                  <c:v>1.4138275224451701E-2</c:v>
                </c:pt>
                <c:pt idx="80">
                  <c:v>1.44370784193782E-2</c:v>
                </c:pt>
                <c:pt idx="81">
                  <c:v>1.48109074009736E-2</c:v>
                </c:pt>
                <c:pt idx="82">
                  <c:v>1.51952244977421E-2</c:v>
                </c:pt>
                <c:pt idx="83">
                  <c:v>1.55524326676868E-2</c:v>
                </c:pt>
                <c:pt idx="84">
                  <c:v>1.5927477452369099E-2</c:v>
                </c:pt>
                <c:pt idx="85">
                  <c:v>1.63105889019237E-2</c:v>
                </c:pt>
                <c:pt idx="86">
                  <c:v>1.6615333282579099E-2</c:v>
                </c:pt>
                <c:pt idx="87">
                  <c:v>1.6993250728492899E-2</c:v>
                </c:pt>
                <c:pt idx="88">
                  <c:v>1.7350917363563399E-2</c:v>
                </c:pt>
                <c:pt idx="89">
                  <c:v>1.7734865947224399E-2</c:v>
                </c:pt>
                <c:pt idx="90">
                  <c:v>1.8110369197032499E-2</c:v>
                </c:pt>
                <c:pt idx="91">
                  <c:v>1.8414187942402099E-2</c:v>
                </c:pt>
                <c:pt idx="92">
                  <c:v>1.8780218664341299E-2</c:v>
                </c:pt>
                <c:pt idx="93">
                  <c:v>1.9152472034776401E-2</c:v>
                </c:pt>
                <c:pt idx="94">
                  <c:v>1.9506241716277298E-2</c:v>
                </c:pt>
                <c:pt idx="95">
                  <c:v>1.9870508217985399E-2</c:v>
                </c:pt>
                <c:pt idx="96">
                  <c:v>2.0240897260297999E-2</c:v>
                </c:pt>
                <c:pt idx="97">
                  <c:v>2.0538214796082501E-2</c:v>
                </c:pt>
                <c:pt idx="98">
                  <c:v>2.0912512398676801E-2</c:v>
                </c:pt>
                <c:pt idx="99">
                  <c:v>2.1262472176948401E-2</c:v>
                </c:pt>
                <c:pt idx="100">
                  <c:v>2.16334299481513E-2</c:v>
                </c:pt>
                <c:pt idx="101">
                  <c:v>2.20005676602519E-2</c:v>
                </c:pt>
                <c:pt idx="102">
                  <c:v>2.2577557627832201E-2</c:v>
                </c:pt>
                <c:pt idx="103">
                  <c:v>2.2998743445416501E-2</c:v>
                </c:pt>
                <c:pt idx="104">
                  <c:v>2.33934703120517E-2</c:v>
                </c:pt>
                <c:pt idx="105">
                  <c:v>2.37728719662685E-2</c:v>
                </c:pt>
                <c:pt idx="106">
                  <c:v>2.41507778054703E-2</c:v>
                </c:pt>
                <c:pt idx="107">
                  <c:v>2.4544386075231999E-2</c:v>
                </c:pt>
                <c:pt idx="108">
                  <c:v>2.4847187782458501E-2</c:v>
                </c:pt>
                <c:pt idx="109">
                  <c:v>2.5239303138883298E-2</c:v>
                </c:pt>
                <c:pt idx="110">
                  <c:v>2.5615084949780501E-2</c:v>
                </c:pt>
                <c:pt idx="111">
                  <c:v>2.6000619300474901E-2</c:v>
                </c:pt>
                <c:pt idx="112">
                  <c:v>2.6387717655617499E-2</c:v>
                </c:pt>
                <c:pt idx="113">
                  <c:v>2.6780030326147002E-2</c:v>
                </c:pt>
                <c:pt idx="114">
                  <c:v>2.7082910378679902E-2</c:v>
                </c:pt>
                <c:pt idx="115">
                  <c:v>2.74761515861731E-2</c:v>
                </c:pt>
                <c:pt idx="116">
                  <c:v>2.78480248367887E-2</c:v>
                </c:pt>
                <c:pt idx="117">
                  <c:v>2.8233837748572198E-2</c:v>
                </c:pt>
                <c:pt idx="118">
                  <c:v>2.8627067349353399E-2</c:v>
                </c:pt>
                <c:pt idx="119">
                  <c:v>2.8933580302756799E-2</c:v>
                </c:pt>
                <c:pt idx="120">
                  <c:v>2.93111263338851E-2</c:v>
                </c:pt>
                <c:pt idx="121">
                  <c:v>2.9684586802373E-2</c:v>
                </c:pt>
                <c:pt idx="122">
                  <c:v>3.00736379868175E-2</c:v>
                </c:pt>
                <c:pt idx="123">
                  <c:v>3.0451366823660501E-2</c:v>
                </c:pt>
                <c:pt idx="124">
                  <c:v>3.0838842396944701E-2</c:v>
                </c:pt>
                <c:pt idx="125">
                  <c:v>3.1157896402714401E-2</c:v>
                </c:pt>
                <c:pt idx="126">
                  <c:v>3.1555681637973898E-2</c:v>
                </c:pt>
                <c:pt idx="127">
                  <c:v>3.1930337597802602E-2</c:v>
                </c:pt>
                <c:pt idx="128">
                  <c:v>3.2323578805295898E-2</c:v>
                </c:pt>
                <c:pt idx="129">
                  <c:v>3.2731296484389202E-2</c:v>
                </c:pt>
                <c:pt idx="130">
                  <c:v>3.3094914461061699E-2</c:v>
                </c:pt>
                <c:pt idx="131">
                  <c:v>3.3402353049750803E-2</c:v>
                </c:pt>
                <c:pt idx="132">
                  <c:v>3.3773399322133003E-2</c:v>
                </c:pt>
                <c:pt idx="133">
                  <c:v>3.41469497426393E-2</c:v>
                </c:pt>
                <c:pt idx="134">
                  <c:v>3.45162201880784E-2</c:v>
                </c:pt>
                <c:pt idx="135">
                  <c:v>3.4892562022831898E-2</c:v>
                </c:pt>
                <c:pt idx="136">
                  <c:v>3.5207707468319902E-2</c:v>
                </c:pt>
                <c:pt idx="137">
                  <c:v>3.5590078989981601E-2</c:v>
                </c:pt>
                <c:pt idx="138">
                  <c:v>3.5963159338649998E-2</c:v>
                </c:pt>
                <c:pt idx="139">
                  <c:v>3.6326043190785501E-2</c:v>
                </c:pt>
                <c:pt idx="140">
                  <c:v>3.6709711762518402E-2</c:v>
                </c:pt>
                <c:pt idx="141">
                  <c:v>3.7056241757380301E-2</c:v>
                </c:pt>
                <c:pt idx="142">
                  <c:v>3.73625632000349E-2</c:v>
                </c:pt>
                <c:pt idx="143">
                  <c:v>3.7724974078654501E-2</c:v>
                </c:pt>
                <c:pt idx="144">
                  <c:v>3.8086262007883599E-2</c:v>
                </c:pt>
                <c:pt idx="145">
                  <c:v>3.8442910153972103E-2</c:v>
                </c:pt>
                <c:pt idx="146">
                  <c:v>3.8806809593411699E-2</c:v>
                </c:pt>
                <c:pt idx="147">
                  <c:v>3.9166899129621999E-2</c:v>
                </c:pt>
                <c:pt idx="148">
                  <c:v>3.94708963281893E-2</c:v>
                </c:pt>
                <c:pt idx="149">
                  <c:v>3.9826441836633399E-2</c:v>
                </c:pt>
                <c:pt idx="150">
                  <c:v>4.01894910844156E-2</c:v>
                </c:pt>
                <c:pt idx="151">
                  <c:v>4.0568525676363897E-2</c:v>
                </c:pt>
                <c:pt idx="152">
                  <c:v>4.0909202986676302E-2</c:v>
                </c:pt>
                <c:pt idx="153">
                  <c:v>4.11975166155907E-2</c:v>
                </c:pt>
                <c:pt idx="154">
                  <c:v>4.1526401506463799E-2</c:v>
                </c:pt>
                <c:pt idx="155">
                  <c:v>4.1880916919213799E-2</c:v>
                </c:pt>
                <c:pt idx="156">
                  <c:v>4.2218712863260698E-2</c:v>
                </c:pt>
                <c:pt idx="157">
                  <c:v>4.2553180582628199E-2</c:v>
                </c:pt>
                <c:pt idx="158">
                  <c:v>4.2888005208391103E-2</c:v>
                </c:pt>
                <c:pt idx="159">
                  <c:v>4.31684233714359E-2</c:v>
                </c:pt>
                <c:pt idx="160">
                  <c:v>4.3487845890313098E-2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4-C35B-3E4A-BE9D-DDDA28AA4F89}"/>
            </c:ext>
          </c:extLst>
        </c:ser>
        <c:ser>
          <c:idx val="6"/>
          <c:order val="6"/>
          <c:tx>
            <c:strRef>
              <c:f>'[852-DBRL102018D-G10X-Dev37-85-LIV-rev01.xls]plot-sheet'!$H$1</c:f>
              <c:strCache>
                <c:ptCount val="1"/>
                <c:pt idx="0">
                  <c:v>80°C</c:v>
                </c:pt>
              </c:strCache>
            </c:strRef>
          </c:tx>
          <c:spPr>
            <a:ln>
              <a:solidFill>
                <a:srgbClr val="FF0000"/>
              </a:solidFill>
            </a:ln>
          </c:spPr>
          <c:marker>
            <c:symbol val="none"/>
          </c:marker>
          <c:xVal>
            <c:numRef>
              <c:f>'[852-DBRL102018D-G10X-Dev37-85-LIV-rev01.xls]plot-sheet'!$A$2:$A$162</c:f>
              <c:numCache>
                <c:formatCode>General</c:formatCode>
                <c:ptCount val="161"/>
                <c:pt idx="0">
                  <c:v>0</c:v>
                </c:pt>
                <c:pt idx="1">
                  <c:v>5.0000000000000001E-4</c:v>
                </c:pt>
                <c:pt idx="2">
                  <c:v>1E-3</c:v>
                </c:pt>
                <c:pt idx="3">
                  <c:v>1.5E-3</c:v>
                </c:pt>
                <c:pt idx="4">
                  <c:v>2E-3</c:v>
                </c:pt>
                <c:pt idx="5">
                  <c:v>2.5000000000000001E-3</c:v>
                </c:pt>
                <c:pt idx="6">
                  <c:v>3.0000000000000001E-3</c:v>
                </c:pt>
                <c:pt idx="7">
                  <c:v>3.5000000000000001E-3</c:v>
                </c:pt>
                <c:pt idx="8">
                  <c:v>4.0000000000000001E-3</c:v>
                </c:pt>
                <c:pt idx="9">
                  <c:v>4.4999999999999997E-3</c:v>
                </c:pt>
                <c:pt idx="10">
                  <c:v>5.0000000000000001E-3</c:v>
                </c:pt>
                <c:pt idx="11">
                  <c:v>5.4999999999999997E-3</c:v>
                </c:pt>
                <c:pt idx="12">
                  <c:v>6.0000000000000001E-3</c:v>
                </c:pt>
                <c:pt idx="13">
                  <c:v>6.4999999999999997E-3</c:v>
                </c:pt>
                <c:pt idx="14">
                  <c:v>7.0000000000000001E-3</c:v>
                </c:pt>
                <c:pt idx="15">
                  <c:v>7.4999999999999997E-3</c:v>
                </c:pt>
                <c:pt idx="16">
                  <c:v>8.0000000000000002E-3</c:v>
                </c:pt>
                <c:pt idx="17">
                  <c:v>8.5000000000000006E-3</c:v>
                </c:pt>
                <c:pt idx="18">
                  <c:v>8.9999999999999906E-3</c:v>
                </c:pt>
                <c:pt idx="19">
                  <c:v>9.4999999999999998E-3</c:v>
                </c:pt>
                <c:pt idx="20">
                  <c:v>0.01</c:v>
                </c:pt>
                <c:pt idx="21">
                  <c:v>1.0500000000000001E-2</c:v>
                </c:pt>
                <c:pt idx="22">
                  <c:v>1.0999999999999999E-2</c:v>
                </c:pt>
                <c:pt idx="23">
                  <c:v>1.15E-2</c:v>
                </c:pt>
                <c:pt idx="24">
                  <c:v>1.2E-2</c:v>
                </c:pt>
                <c:pt idx="25">
                  <c:v>1.2500000000000001E-2</c:v>
                </c:pt>
                <c:pt idx="26">
                  <c:v>1.2999999999999999E-2</c:v>
                </c:pt>
                <c:pt idx="27">
                  <c:v>1.35E-2</c:v>
                </c:pt>
                <c:pt idx="28">
                  <c:v>1.4E-2</c:v>
                </c:pt>
                <c:pt idx="29">
                  <c:v>1.4500000000000001E-2</c:v>
                </c:pt>
                <c:pt idx="30">
                  <c:v>1.4999999999999999E-2</c:v>
                </c:pt>
                <c:pt idx="31">
                  <c:v>1.55E-2</c:v>
                </c:pt>
                <c:pt idx="32">
                  <c:v>1.6E-2</c:v>
                </c:pt>
                <c:pt idx="33">
                  <c:v>1.6500000000000001E-2</c:v>
                </c:pt>
                <c:pt idx="34">
                  <c:v>1.7000000000000001E-2</c:v>
                </c:pt>
                <c:pt idx="35">
                  <c:v>1.7500000000000002E-2</c:v>
                </c:pt>
                <c:pt idx="36">
                  <c:v>1.7999999999999999E-2</c:v>
                </c:pt>
                <c:pt idx="37">
                  <c:v>1.8499999999999999E-2</c:v>
                </c:pt>
                <c:pt idx="38">
                  <c:v>1.9E-2</c:v>
                </c:pt>
                <c:pt idx="39">
                  <c:v>1.95E-2</c:v>
                </c:pt>
                <c:pt idx="40">
                  <c:v>0.02</c:v>
                </c:pt>
                <c:pt idx="41">
                  <c:v>2.0500000000000001E-2</c:v>
                </c:pt>
                <c:pt idx="42">
                  <c:v>2.1000000000000001E-2</c:v>
                </c:pt>
                <c:pt idx="43">
                  <c:v>2.1499999999999998E-2</c:v>
                </c:pt>
                <c:pt idx="44">
                  <c:v>2.1999999999999999E-2</c:v>
                </c:pt>
                <c:pt idx="45">
                  <c:v>2.2499999999999999E-2</c:v>
                </c:pt>
                <c:pt idx="46">
                  <c:v>2.3E-2</c:v>
                </c:pt>
                <c:pt idx="47">
                  <c:v>2.35E-2</c:v>
                </c:pt>
                <c:pt idx="48">
                  <c:v>2.4E-2</c:v>
                </c:pt>
                <c:pt idx="49">
                  <c:v>2.4500000000000001E-2</c:v>
                </c:pt>
                <c:pt idx="50">
                  <c:v>2.5000000000000001E-2</c:v>
                </c:pt>
                <c:pt idx="51">
                  <c:v>2.5499999999999998E-2</c:v>
                </c:pt>
                <c:pt idx="52">
                  <c:v>2.5999999999999999E-2</c:v>
                </c:pt>
                <c:pt idx="53">
                  <c:v>2.6499999999999999E-2</c:v>
                </c:pt>
                <c:pt idx="54">
                  <c:v>2.7E-2</c:v>
                </c:pt>
                <c:pt idx="55">
                  <c:v>2.75E-2</c:v>
                </c:pt>
                <c:pt idx="56">
                  <c:v>2.8000000000000001E-2</c:v>
                </c:pt>
                <c:pt idx="57">
                  <c:v>2.8500000000000001E-2</c:v>
                </c:pt>
                <c:pt idx="58">
                  <c:v>2.9000000000000001E-2</c:v>
                </c:pt>
                <c:pt idx="59">
                  <c:v>2.9499999999999998E-2</c:v>
                </c:pt>
                <c:pt idx="60">
                  <c:v>0.03</c:v>
                </c:pt>
                <c:pt idx="61">
                  <c:v>3.0499999999999999E-2</c:v>
                </c:pt>
                <c:pt idx="62">
                  <c:v>3.1E-2</c:v>
                </c:pt>
                <c:pt idx="63">
                  <c:v>3.15E-2</c:v>
                </c:pt>
                <c:pt idx="64">
                  <c:v>3.2000000000000001E-2</c:v>
                </c:pt>
                <c:pt idx="65">
                  <c:v>3.2500000000000001E-2</c:v>
                </c:pt>
                <c:pt idx="66">
                  <c:v>3.3000000000000002E-2</c:v>
                </c:pt>
                <c:pt idx="67">
                  <c:v>3.3500000000000002E-2</c:v>
                </c:pt>
                <c:pt idx="68">
                  <c:v>3.4000000000000002E-2</c:v>
                </c:pt>
                <c:pt idx="69">
                  <c:v>3.4500000000000003E-2</c:v>
                </c:pt>
                <c:pt idx="70">
                  <c:v>3.5000000000000003E-2</c:v>
                </c:pt>
                <c:pt idx="71">
                  <c:v>3.5499999999999997E-2</c:v>
                </c:pt>
                <c:pt idx="72">
                  <c:v>3.5999999999999997E-2</c:v>
                </c:pt>
                <c:pt idx="73">
                  <c:v>3.6499999999999998E-2</c:v>
                </c:pt>
                <c:pt idx="74">
                  <c:v>3.6999999999999998E-2</c:v>
                </c:pt>
                <c:pt idx="75">
                  <c:v>3.7499999999999999E-2</c:v>
                </c:pt>
                <c:pt idx="76">
                  <c:v>3.7999999999999999E-2</c:v>
                </c:pt>
                <c:pt idx="77">
                  <c:v>3.85E-2</c:v>
                </c:pt>
                <c:pt idx="78">
                  <c:v>3.9E-2</c:v>
                </c:pt>
                <c:pt idx="79">
                  <c:v>3.95E-2</c:v>
                </c:pt>
                <c:pt idx="80">
                  <c:v>0.04</c:v>
                </c:pt>
                <c:pt idx="81">
                  <c:v>4.0500000000000001E-2</c:v>
                </c:pt>
                <c:pt idx="82">
                  <c:v>4.1000000000000002E-2</c:v>
                </c:pt>
                <c:pt idx="83">
                  <c:v>4.1500000000000002E-2</c:v>
                </c:pt>
                <c:pt idx="84">
                  <c:v>4.2000000000000003E-2</c:v>
                </c:pt>
                <c:pt idx="85">
                  <c:v>4.2500000000000003E-2</c:v>
                </c:pt>
                <c:pt idx="86">
                  <c:v>4.2999999999999997E-2</c:v>
                </c:pt>
                <c:pt idx="87">
                  <c:v>4.3499999999999997E-2</c:v>
                </c:pt>
                <c:pt idx="88">
                  <c:v>4.3999999999999997E-2</c:v>
                </c:pt>
                <c:pt idx="89">
                  <c:v>4.4499999999999998E-2</c:v>
                </c:pt>
                <c:pt idx="90">
                  <c:v>4.4999999999999998E-2</c:v>
                </c:pt>
                <c:pt idx="91">
                  <c:v>4.5499999999999999E-2</c:v>
                </c:pt>
                <c:pt idx="92">
                  <c:v>4.5999999999999999E-2</c:v>
                </c:pt>
                <c:pt idx="93">
                  <c:v>4.65E-2</c:v>
                </c:pt>
                <c:pt idx="94">
                  <c:v>4.7E-2</c:v>
                </c:pt>
                <c:pt idx="95">
                  <c:v>4.7500000000000001E-2</c:v>
                </c:pt>
                <c:pt idx="96">
                  <c:v>4.8000000000000001E-2</c:v>
                </c:pt>
                <c:pt idx="97">
                  <c:v>4.8500000000000001E-2</c:v>
                </c:pt>
                <c:pt idx="98">
                  <c:v>4.9000000000000002E-2</c:v>
                </c:pt>
                <c:pt idx="99">
                  <c:v>4.9500000000000002E-2</c:v>
                </c:pt>
                <c:pt idx="100">
                  <c:v>0.05</c:v>
                </c:pt>
                <c:pt idx="101">
                  <c:v>5.0500000000000003E-2</c:v>
                </c:pt>
                <c:pt idx="102">
                  <c:v>5.0999999999999997E-2</c:v>
                </c:pt>
                <c:pt idx="103">
                  <c:v>5.1499999999999997E-2</c:v>
                </c:pt>
                <c:pt idx="104">
                  <c:v>5.1999999999999998E-2</c:v>
                </c:pt>
                <c:pt idx="105">
                  <c:v>5.2499999999999998E-2</c:v>
                </c:pt>
                <c:pt idx="106">
                  <c:v>5.2999999999999999E-2</c:v>
                </c:pt>
                <c:pt idx="107">
                  <c:v>5.3499999999999999E-2</c:v>
                </c:pt>
                <c:pt idx="108">
                  <c:v>5.3999999999999999E-2</c:v>
                </c:pt>
                <c:pt idx="109">
                  <c:v>5.45E-2</c:v>
                </c:pt>
                <c:pt idx="110">
                  <c:v>5.5E-2</c:v>
                </c:pt>
                <c:pt idx="111">
                  <c:v>5.5500000000000001E-2</c:v>
                </c:pt>
                <c:pt idx="112">
                  <c:v>5.6000000000000001E-2</c:v>
                </c:pt>
                <c:pt idx="113">
                  <c:v>5.6500000000000002E-2</c:v>
                </c:pt>
                <c:pt idx="114">
                  <c:v>5.7000000000000002E-2</c:v>
                </c:pt>
                <c:pt idx="115">
                  <c:v>5.7500000000000002E-2</c:v>
                </c:pt>
                <c:pt idx="116">
                  <c:v>5.8000000000000003E-2</c:v>
                </c:pt>
                <c:pt idx="117">
                  <c:v>5.8500000000000003E-2</c:v>
                </c:pt>
                <c:pt idx="118">
                  <c:v>5.8999999999999997E-2</c:v>
                </c:pt>
                <c:pt idx="119">
                  <c:v>5.9499999999999997E-2</c:v>
                </c:pt>
                <c:pt idx="120">
                  <c:v>0.06</c:v>
                </c:pt>
                <c:pt idx="121">
                  <c:v>6.0499999999999998E-2</c:v>
                </c:pt>
                <c:pt idx="122">
                  <c:v>6.0999999999999999E-2</c:v>
                </c:pt>
                <c:pt idx="123">
                  <c:v>6.1499999999999999E-2</c:v>
                </c:pt>
                <c:pt idx="124">
                  <c:v>6.2E-2</c:v>
                </c:pt>
                <c:pt idx="125">
                  <c:v>6.25E-2</c:v>
                </c:pt>
                <c:pt idx="126">
                  <c:v>6.3E-2</c:v>
                </c:pt>
                <c:pt idx="127">
                  <c:v>6.3500000000000001E-2</c:v>
                </c:pt>
                <c:pt idx="128">
                  <c:v>6.4000000000000001E-2</c:v>
                </c:pt>
                <c:pt idx="129">
                  <c:v>6.4500000000000002E-2</c:v>
                </c:pt>
                <c:pt idx="130">
                  <c:v>6.5000000000000002E-2</c:v>
                </c:pt>
                <c:pt idx="131">
                  <c:v>6.5500000000000003E-2</c:v>
                </c:pt>
                <c:pt idx="132">
                  <c:v>6.6000000000000003E-2</c:v>
                </c:pt>
                <c:pt idx="133">
                  <c:v>6.6500000000000004E-2</c:v>
                </c:pt>
                <c:pt idx="134">
                  <c:v>6.7000000000000004E-2</c:v>
                </c:pt>
                <c:pt idx="135">
                  <c:v>6.7500000000000004E-2</c:v>
                </c:pt>
                <c:pt idx="136">
                  <c:v>6.8000000000000005E-2</c:v>
                </c:pt>
                <c:pt idx="137">
                  <c:v>6.8500000000000005E-2</c:v>
                </c:pt>
                <c:pt idx="138">
                  <c:v>6.9000000000000006E-2</c:v>
                </c:pt>
                <c:pt idx="139">
                  <c:v>6.9500000000000006E-2</c:v>
                </c:pt>
                <c:pt idx="140">
                  <c:v>7.0000000000000007E-2</c:v>
                </c:pt>
                <c:pt idx="141">
                  <c:v>7.0499999999999896E-2</c:v>
                </c:pt>
                <c:pt idx="142">
                  <c:v>7.0999999999999897E-2</c:v>
                </c:pt>
                <c:pt idx="143">
                  <c:v>7.1499999999999897E-2</c:v>
                </c:pt>
                <c:pt idx="144">
                  <c:v>7.1999999999999995E-2</c:v>
                </c:pt>
                <c:pt idx="145">
                  <c:v>7.2499999999999995E-2</c:v>
                </c:pt>
                <c:pt idx="146">
                  <c:v>7.2999999999999995E-2</c:v>
                </c:pt>
                <c:pt idx="147">
                  <c:v>7.3499999999999996E-2</c:v>
                </c:pt>
                <c:pt idx="148">
                  <c:v>7.3999999999999996E-2</c:v>
                </c:pt>
                <c:pt idx="149">
                  <c:v>7.4499999999999997E-2</c:v>
                </c:pt>
                <c:pt idx="150">
                  <c:v>7.4999999999999997E-2</c:v>
                </c:pt>
                <c:pt idx="151">
                  <c:v>7.5499999999999998E-2</c:v>
                </c:pt>
                <c:pt idx="152">
                  <c:v>7.5999999999999998E-2</c:v>
                </c:pt>
                <c:pt idx="153">
                  <c:v>7.6499999999999999E-2</c:v>
                </c:pt>
                <c:pt idx="154">
                  <c:v>7.6999999999999999E-2</c:v>
                </c:pt>
                <c:pt idx="155">
                  <c:v>7.7499999999999999E-2</c:v>
                </c:pt>
                <c:pt idx="156">
                  <c:v>7.8E-2</c:v>
                </c:pt>
                <c:pt idx="157">
                  <c:v>7.85E-2</c:v>
                </c:pt>
                <c:pt idx="158">
                  <c:v>7.9000000000000001E-2</c:v>
                </c:pt>
                <c:pt idx="159">
                  <c:v>7.9500000000000001E-2</c:v>
                </c:pt>
                <c:pt idx="160">
                  <c:v>0.08</c:v>
                </c:pt>
              </c:numCache>
            </c:numRef>
          </c:xVal>
          <c:yVal>
            <c:numRef>
              <c:f>'[852-DBRL102018D-G10X-Dev37-85-LIV-rev01.xls]plot-sheet'!$H$2:$H$162</c:f>
              <c:numCache>
                <c:formatCode>General</c:formatCode>
                <c:ptCount val="161"/>
                <c:pt idx="0">
                  <c:v>3.1904525539695202E-4</c:v>
                </c:pt>
                <c:pt idx="1">
                  <c:v>3.1718822680822198E-4</c:v>
                </c:pt>
                <c:pt idx="2">
                  <c:v>3.15702590335623E-4</c:v>
                </c:pt>
                <c:pt idx="3">
                  <c:v>3.1876669430783502E-4</c:v>
                </c:pt>
                <c:pt idx="4">
                  <c:v>3.1774537165581601E-4</c:v>
                </c:pt>
                <c:pt idx="5">
                  <c:v>3.2145951951071398E-4</c:v>
                </c:pt>
                <c:pt idx="6">
                  <c:v>3.2396650130469098E-4</c:v>
                </c:pt>
                <c:pt idx="7">
                  <c:v>3.27123526981353E-4</c:v>
                </c:pt>
                <c:pt idx="8">
                  <c:v>3.2740208807047102E-4</c:v>
                </c:pt>
                <c:pt idx="9">
                  <c:v>3.2879491618541701E-4</c:v>
                </c:pt>
                <c:pt idx="10">
                  <c:v>3.2740208807047102E-4</c:v>
                </c:pt>
                <c:pt idx="11">
                  <c:v>3.3362333106614299E-4</c:v>
                </c:pt>
                <c:pt idx="12">
                  <c:v>3.35480359654872E-4</c:v>
                </c:pt>
                <c:pt idx="13">
                  <c:v>3.37987432126287E-4</c:v>
                </c:pt>
                <c:pt idx="14">
                  <c:v>3.40215943508585E-4</c:v>
                </c:pt>
                <c:pt idx="15">
                  <c:v>3.4179441100819701E-4</c:v>
                </c:pt>
                <c:pt idx="16">
                  <c:v>3.4560150323690501E-4</c:v>
                </c:pt>
                <c:pt idx="17">
                  <c:v>3.4606570371068901E-4</c:v>
                </c:pt>
                <c:pt idx="18">
                  <c:v>3.5042980477083399E-4</c:v>
                </c:pt>
                <c:pt idx="19">
                  <c:v>3.5358683044749601E-4</c:v>
                </c:pt>
                <c:pt idx="20">
                  <c:v>3.5525821965155899E-4</c:v>
                </c:pt>
                <c:pt idx="21">
                  <c:v>3.5878663744435201E-4</c:v>
                </c:pt>
                <c:pt idx="22">
                  <c:v>3.60179465559298E-4</c:v>
                </c:pt>
                <c:pt idx="23">
                  <c:v>3.60365195621403E-4</c:v>
                </c:pt>
                <c:pt idx="24">
                  <c:v>3.6259372967306001E-4</c:v>
                </c:pt>
                <c:pt idx="25">
                  <c:v>3.6398644444120802E-4</c:v>
                </c:pt>
                <c:pt idx="26">
                  <c:v>3.7169332390948E-4</c:v>
                </c:pt>
                <c:pt idx="27">
                  <c:v>3.71971884998597E-4</c:v>
                </c:pt>
                <c:pt idx="28">
                  <c:v>3.7327188208653001E-4</c:v>
                </c:pt>
                <c:pt idx="29">
                  <c:v>3.7875025017250301E-4</c:v>
                </c:pt>
                <c:pt idx="30">
                  <c:v>3.83764327107255E-4</c:v>
                </c:pt>
                <c:pt idx="31">
                  <c:v>3.9072830899646802E-4</c:v>
                </c:pt>
                <c:pt idx="32">
                  <c:v>3.8599281582019302E-4</c:v>
                </c:pt>
                <c:pt idx="33">
                  <c:v>3.9342115686870702E-4</c:v>
                </c:pt>
                <c:pt idx="34">
                  <c:v>3.9583530763567099E-4</c:v>
                </c:pt>
                <c:pt idx="35">
                  <c:v>3.9824954908007301E-4</c:v>
                </c:pt>
                <c:pt idx="36">
                  <c:v>3.9797098799095601E-4</c:v>
                </c:pt>
                <c:pt idx="37">
                  <c:v>4.0149938311438899E-4</c:v>
                </c:pt>
                <c:pt idx="38">
                  <c:v>4.0976340743025501E-4</c:v>
                </c:pt>
                <c:pt idx="39">
                  <c:v>4.1431314787506601E-4</c:v>
                </c:pt>
                <c:pt idx="40">
                  <c:v>4.1449890060653001E-4</c:v>
                </c:pt>
                <c:pt idx="41">
                  <c:v>4.1672743465818698E-4</c:v>
                </c:pt>
                <c:pt idx="42">
                  <c:v>4.1858446324691701E-4</c:v>
                </c:pt>
                <c:pt idx="43">
                  <c:v>4.4198354939405002E-4</c:v>
                </c:pt>
                <c:pt idx="44">
                  <c:v>4.5944008965078601E-4</c:v>
                </c:pt>
                <c:pt idx="45">
                  <c:v>4.8868904934682095E-4</c:v>
                </c:pt>
                <c:pt idx="46">
                  <c:v>5.0103859096435404E-4</c:v>
                </c:pt>
                <c:pt idx="47">
                  <c:v>5.1663796661620301E-4</c:v>
                </c:pt>
                <c:pt idx="48">
                  <c:v>5.2601614461110003E-4</c:v>
                </c:pt>
                <c:pt idx="49">
                  <c:v>5.4653690218684501E-4</c:v>
                </c:pt>
                <c:pt idx="50">
                  <c:v>5.5294376189782399E-4</c:v>
                </c:pt>
                <c:pt idx="51">
                  <c:v>5.6696471538877902E-4</c:v>
                </c:pt>
                <c:pt idx="52">
                  <c:v>5.7977848014945598E-4</c:v>
                </c:pt>
                <c:pt idx="53">
                  <c:v>6.5907558219023099E-4</c:v>
                </c:pt>
                <c:pt idx="54">
                  <c:v>8.1553401523905701E-4</c:v>
                </c:pt>
                <c:pt idx="55">
                  <c:v>1.29865206949712E-3</c:v>
                </c:pt>
                <c:pt idx="56">
                  <c:v>2.9394696474169101E-3</c:v>
                </c:pt>
                <c:pt idx="57">
                  <c:v>2.5656401217568699E-3</c:v>
                </c:pt>
                <c:pt idx="58">
                  <c:v>4.3476889879560596E-3</c:v>
                </c:pt>
                <c:pt idx="59">
                  <c:v>4.3330181039292204E-3</c:v>
                </c:pt>
                <c:pt idx="60">
                  <c:v>5.1205095774443004E-3</c:v>
                </c:pt>
                <c:pt idx="61">
                  <c:v>5.7164446007625597E-3</c:v>
                </c:pt>
                <c:pt idx="62">
                  <c:v>6.1151587356955304E-3</c:v>
                </c:pt>
                <c:pt idx="63">
                  <c:v>6.4554675329004897E-3</c:v>
                </c:pt>
                <c:pt idx="64">
                  <c:v>6.8071044810628801E-3</c:v>
                </c:pt>
                <c:pt idx="65">
                  <c:v>7.1826976828893597E-3</c:v>
                </c:pt>
                <c:pt idx="66">
                  <c:v>7.5472412948475202E-3</c:v>
                </c:pt>
                <c:pt idx="67">
                  <c:v>7.9388053324500607E-3</c:v>
                </c:pt>
                <c:pt idx="68">
                  <c:v>8.3012133093916599E-3</c:v>
                </c:pt>
                <c:pt idx="69">
                  <c:v>8.6054020187077401E-3</c:v>
                </c:pt>
                <c:pt idx="70">
                  <c:v>9.0066228407330098E-3</c:v>
                </c:pt>
                <c:pt idx="71">
                  <c:v>9.4146219825934699E-3</c:v>
                </c:pt>
                <c:pt idx="72">
                  <c:v>9.77025091428038E-3</c:v>
                </c:pt>
                <c:pt idx="73">
                  <c:v>1.015698873593E-2</c:v>
                </c:pt>
                <c:pt idx="74">
                  <c:v>1.0491814812532E-2</c:v>
                </c:pt>
                <c:pt idx="75">
                  <c:v>1.08411369470606E-2</c:v>
                </c:pt>
                <c:pt idx="76">
                  <c:v>1.12173779485032E-2</c:v>
                </c:pt>
                <c:pt idx="77">
                  <c:v>1.15942674749814E-2</c:v>
                </c:pt>
                <c:pt idx="78">
                  <c:v>1.19731105561809E-2</c:v>
                </c:pt>
                <c:pt idx="79">
                  <c:v>1.23435989809654E-2</c:v>
                </c:pt>
                <c:pt idx="80">
                  <c:v>1.26444464080511E-2</c:v>
                </c:pt>
                <c:pt idx="81">
                  <c:v>1.3019112523752799E-2</c:v>
                </c:pt>
                <c:pt idx="82">
                  <c:v>1.3409840878087999E-2</c:v>
                </c:pt>
                <c:pt idx="83">
                  <c:v>1.3784128324809301E-2</c:v>
                </c:pt>
                <c:pt idx="84">
                  <c:v>1.4170498358770999E-2</c:v>
                </c:pt>
                <c:pt idx="85">
                  <c:v>1.4557606869786599E-2</c:v>
                </c:pt>
                <c:pt idx="86">
                  <c:v>1.4861515567174599E-2</c:v>
                </c:pt>
                <c:pt idx="87">
                  <c:v>1.5225124838813E-2</c:v>
                </c:pt>
                <c:pt idx="88">
                  <c:v>1.55910670595728E-2</c:v>
                </c:pt>
                <c:pt idx="89">
                  <c:v>1.5968882946756201E-2</c:v>
                </c:pt>
                <c:pt idx="90">
                  <c:v>1.63360322655688E-2</c:v>
                </c:pt>
                <c:pt idx="91">
                  <c:v>1.6633349801353298E-2</c:v>
                </c:pt>
                <c:pt idx="92">
                  <c:v>1.6998264828097E-2</c:v>
                </c:pt>
                <c:pt idx="93">
                  <c:v>1.7386858998254599E-2</c:v>
                </c:pt>
                <c:pt idx="94">
                  <c:v>1.7747776963537201E-2</c:v>
                </c:pt>
                <c:pt idx="95">
                  <c:v>1.8133858280536801E-2</c:v>
                </c:pt>
                <c:pt idx="96">
                  <c:v>1.8513728555752399E-2</c:v>
                </c:pt>
                <c:pt idx="97">
                  <c:v>1.8820887132513401E-2</c:v>
                </c:pt>
                <c:pt idx="98">
                  <c:v>1.9187477878308799E-2</c:v>
                </c:pt>
                <c:pt idx="99">
                  <c:v>1.95501600638225E-2</c:v>
                </c:pt>
                <c:pt idx="100">
                  <c:v>1.9931415890288701E-2</c:v>
                </c:pt>
                <c:pt idx="101">
                  <c:v>2.0297358111048401E-2</c:v>
                </c:pt>
                <c:pt idx="102">
                  <c:v>2.0654097659994299E-2</c:v>
                </c:pt>
                <c:pt idx="103">
                  <c:v>2.0950858073600601E-2</c:v>
                </c:pt>
                <c:pt idx="104">
                  <c:v>2.13241270313397E-2</c:v>
                </c:pt>
                <c:pt idx="105">
                  <c:v>2.1690249156136199E-2</c:v>
                </c:pt>
                <c:pt idx="106">
                  <c:v>2.2060826807519598E-2</c:v>
                </c:pt>
                <c:pt idx="107">
                  <c:v>2.2452213842763399E-2</c:v>
                </c:pt>
                <c:pt idx="108">
                  <c:v>2.2761415200844601E-2</c:v>
                </c:pt>
                <c:pt idx="109">
                  <c:v>2.3115743455362801E-2</c:v>
                </c:pt>
                <c:pt idx="110">
                  <c:v>2.3486599667835301E-2</c:v>
                </c:pt>
                <c:pt idx="111">
                  <c:v>2.3862751442678999E-2</c:v>
                </c:pt>
                <c:pt idx="112">
                  <c:v>2.42256236881025E-2</c:v>
                </c:pt>
                <c:pt idx="113">
                  <c:v>2.4581066186977099E-2</c:v>
                </c:pt>
                <c:pt idx="114">
                  <c:v>2.4879779429885202E-2</c:v>
                </c:pt>
                <c:pt idx="115">
                  <c:v>2.52573167559795E-2</c:v>
                </c:pt>
                <c:pt idx="116">
                  <c:v>2.5600318310379299E-2</c:v>
                </c:pt>
                <c:pt idx="117">
                  <c:v>2.5964954776033802E-2</c:v>
                </c:pt>
                <c:pt idx="118">
                  <c:v>2.6362742912971301E-2</c:v>
                </c:pt>
                <c:pt idx="119">
                  <c:v>2.6670927232909401E-2</c:v>
                </c:pt>
                <c:pt idx="120">
                  <c:v>2.7049111633200298E-2</c:v>
                </c:pt>
                <c:pt idx="121">
                  <c:v>2.7430749030325E-2</c:v>
                </c:pt>
                <c:pt idx="122">
                  <c:v>2.7858334498764001E-2</c:v>
                </c:pt>
                <c:pt idx="123">
                  <c:v>2.8234206261679599E-2</c:v>
                </c:pt>
                <c:pt idx="124">
                  <c:v>2.85271596737347E-2</c:v>
                </c:pt>
                <c:pt idx="125">
                  <c:v>2.8820397450234798E-2</c:v>
                </c:pt>
                <c:pt idx="126">
                  <c:v>2.9170728643291999E-2</c:v>
                </c:pt>
                <c:pt idx="127">
                  <c:v>2.9481695672443301E-2</c:v>
                </c:pt>
                <c:pt idx="128">
                  <c:v>2.9931206219938201E-2</c:v>
                </c:pt>
                <c:pt idx="129">
                  <c:v>3.03821037695227E-2</c:v>
                </c:pt>
                <c:pt idx="130">
                  <c:v>3.0765583732184801E-2</c:v>
                </c:pt>
                <c:pt idx="131">
                  <c:v>3.1058075777435998E-2</c:v>
                </c:pt>
                <c:pt idx="132">
                  <c:v>3.1417239678360603E-2</c:v>
                </c:pt>
                <c:pt idx="133">
                  <c:v>3.1795244174614802E-2</c:v>
                </c:pt>
                <c:pt idx="134">
                  <c:v>3.21631305196423E-2</c:v>
                </c:pt>
                <c:pt idx="135">
                  <c:v>3.2525352789191199E-2</c:v>
                </c:pt>
                <c:pt idx="136">
                  <c:v>3.2825641643259601E-2</c:v>
                </c:pt>
                <c:pt idx="137">
                  <c:v>3.3195753575322097E-2</c:v>
                </c:pt>
                <c:pt idx="138">
                  <c:v>3.3532902445172402E-2</c:v>
                </c:pt>
                <c:pt idx="139">
                  <c:v>3.38711655593791E-2</c:v>
                </c:pt>
                <c:pt idx="140">
                  <c:v>3.4238404830210102E-2</c:v>
                </c:pt>
                <c:pt idx="141">
                  <c:v>3.4579740821431199E-2</c:v>
                </c:pt>
                <c:pt idx="142">
                  <c:v>3.4875572698073801E-2</c:v>
                </c:pt>
                <c:pt idx="143">
                  <c:v>3.5219679791796001E-2</c:v>
                </c:pt>
                <c:pt idx="144">
                  <c:v>3.5570579713743403E-2</c:v>
                </c:pt>
                <c:pt idx="145">
                  <c:v>3.5918873928836401E-2</c:v>
                </c:pt>
                <c:pt idx="146">
                  <c:v>3.6242930427498203E-2</c:v>
                </c:pt>
                <c:pt idx="147">
                  <c:v>3.6373769990720901E-2</c:v>
                </c:pt>
                <c:pt idx="148">
                  <c:v>3.6550647577276399E-2</c:v>
                </c:pt>
                <c:pt idx="149">
                  <c:v>3.6849552330933302E-2</c:v>
                </c:pt>
                <c:pt idx="150">
                  <c:v>3.7158473677086301E-2</c:v>
                </c:pt>
                <c:pt idx="151">
                  <c:v>3.7463588021688102E-2</c:v>
                </c:pt>
                <c:pt idx="152">
                  <c:v>3.7766761143700103E-2</c:v>
                </c:pt>
                <c:pt idx="153">
                  <c:v>3.8006779243788799E-2</c:v>
                </c:pt>
                <c:pt idx="154">
                  <c:v>3.8295742848577903E-2</c:v>
                </c:pt>
                <c:pt idx="155">
                  <c:v>3.8623420641398197E-2</c:v>
                </c:pt>
                <c:pt idx="156">
                  <c:v>3.89160026386677E-2</c:v>
                </c:pt>
                <c:pt idx="157">
                  <c:v>3.91994907770487E-2</c:v>
                </c:pt>
                <c:pt idx="158">
                  <c:v>3.9464495226495699E-2</c:v>
                </c:pt>
                <c:pt idx="159">
                  <c:v>3.9699969298818097E-2</c:v>
                </c:pt>
                <c:pt idx="160">
                  <c:v>3.9985212952396203E-2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5-C35B-3E4A-BE9D-DDDA28AA4F89}"/>
            </c:ext>
          </c:extLst>
        </c:ser>
        <c:ser>
          <c:idx val="13"/>
          <c:order val="13"/>
          <c:tx>
            <c:strRef>
              <c:f>'[852-DBRL102018D-G10X-Dev37-85-LIV-rev01.xls]plot-sheet'!$B$1</c:f>
              <c:strCache>
                <c:ptCount val="1"/>
                <c:pt idx="0">
                  <c:v>20°C</c:v>
                </c:pt>
              </c:strCache>
            </c:strRef>
          </c:tx>
          <c:spPr>
            <a:ln>
              <a:solidFill>
                <a:srgbClr val="0070C0"/>
              </a:solidFill>
            </a:ln>
          </c:spPr>
          <c:marker>
            <c:symbol val="none"/>
          </c:marker>
          <c:xVal>
            <c:numRef>
              <c:f>'[852-DBRL102018D-G10X-Dev37-85-LIV-rev01.xls]plot-sheet'!$A$2:$A$162</c:f>
              <c:numCache>
                <c:formatCode>General</c:formatCode>
                <c:ptCount val="161"/>
                <c:pt idx="0">
                  <c:v>0</c:v>
                </c:pt>
                <c:pt idx="1">
                  <c:v>5.0000000000000001E-4</c:v>
                </c:pt>
                <c:pt idx="2">
                  <c:v>1E-3</c:v>
                </c:pt>
                <c:pt idx="3">
                  <c:v>1.5E-3</c:v>
                </c:pt>
                <c:pt idx="4">
                  <c:v>2E-3</c:v>
                </c:pt>
                <c:pt idx="5">
                  <c:v>2.5000000000000001E-3</c:v>
                </c:pt>
                <c:pt idx="6">
                  <c:v>3.0000000000000001E-3</c:v>
                </c:pt>
                <c:pt idx="7">
                  <c:v>3.5000000000000001E-3</c:v>
                </c:pt>
                <c:pt idx="8">
                  <c:v>4.0000000000000001E-3</c:v>
                </c:pt>
                <c:pt idx="9">
                  <c:v>4.4999999999999997E-3</c:v>
                </c:pt>
                <c:pt idx="10">
                  <c:v>5.0000000000000001E-3</c:v>
                </c:pt>
                <c:pt idx="11">
                  <c:v>5.4999999999999997E-3</c:v>
                </c:pt>
                <c:pt idx="12">
                  <c:v>6.0000000000000001E-3</c:v>
                </c:pt>
                <c:pt idx="13">
                  <c:v>6.4999999999999997E-3</c:v>
                </c:pt>
                <c:pt idx="14">
                  <c:v>7.0000000000000001E-3</c:v>
                </c:pt>
                <c:pt idx="15">
                  <c:v>7.4999999999999997E-3</c:v>
                </c:pt>
                <c:pt idx="16">
                  <c:v>8.0000000000000002E-3</c:v>
                </c:pt>
                <c:pt idx="17">
                  <c:v>8.5000000000000006E-3</c:v>
                </c:pt>
                <c:pt idx="18">
                  <c:v>8.9999999999999906E-3</c:v>
                </c:pt>
                <c:pt idx="19">
                  <c:v>9.4999999999999998E-3</c:v>
                </c:pt>
                <c:pt idx="20">
                  <c:v>0.01</c:v>
                </c:pt>
                <c:pt idx="21">
                  <c:v>1.0500000000000001E-2</c:v>
                </c:pt>
                <c:pt idx="22">
                  <c:v>1.0999999999999999E-2</c:v>
                </c:pt>
                <c:pt idx="23">
                  <c:v>1.15E-2</c:v>
                </c:pt>
                <c:pt idx="24">
                  <c:v>1.2E-2</c:v>
                </c:pt>
                <c:pt idx="25">
                  <c:v>1.2500000000000001E-2</c:v>
                </c:pt>
                <c:pt idx="26">
                  <c:v>1.2999999999999999E-2</c:v>
                </c:pt>
                <c:pt idx="27">
                  <c:v>1.35E-2</c:v>
                </c:pt>
                <c:pt idx="28">
                  <c:v>1.4E-2</c:v>
                </c:pt>
                <c:pt idx="29">
                  <c:v>1.4500000000000001E-2</c:v>
                </c:pt>
                <c:pt idx="30">
                  <c:v>1.4999999999999999E-2</c:v>
                </c:pt>
                <c:pt idx="31">
                  <c:v>1.55E-2</c:v>
                </c:pt>
                <c:pt idx="32">
                  <c:v>1.6E-2</c:v>
                </c:pt>
                <c:pt idx="33">
                  <c:v>1.6500000000000001E-2</c:v>
                </c:pt>
                <c:pt idx="34">
                  <c:v>1.7000000000000001E-2</c:v>
                </c:pt>
                <c:pt idx="35">
                  <c:v>1.7500000000000002E-2</c:v>
                </c:pt>
                <c:pt idx="36">
                  <c:v>1.7999999999999999E-2</c:v>
                </c:pt>
                <c:pt idx="37">
                  <c:v>1.8499999999999999E-2</c:v>
                </c:pt>
                <c:pt idx="38">
                  <c:v>1.9E-2</c:v>
                </c:pt>
                <c:pt idx="39">
                  <c:v>1.95E-2</c:v>
                </c:pt>
                <c:pt idx="40">
                  <c:v>0.02</c:v>
                </c:pt>
                <c:pt idx="41">
                  <c:v>2.0500000000000001E-2</c:v>
                </c:pt>
                <c:pt idx="42">
                  <c:v>2.1000000000000001E-2</c:v>
                </c:pt>
                <c:pt idx="43">
                  <c:v>2.1499999999999998E-2</c:v>
                </c:pt>
                <c:pt idx="44">
                  <c:v>2.1999999999999999E-2</c:v>
                </c:pt>
                <c:pt idx="45">
                  <c:v>2.2499999999999999E-2</c:v>
                </c:pt>
                <c:pt idx="46">
                  <c:v>2.3E-2</c:v>
                </c:pt>
                <c:pt idx="47">
                  <c:v>2.35E-2</c:v>
                </c:pt>
                <c:pt idx="48">
                  <c:v>2.4E-2</c:v>
                </c:pt>
                <c:pt idx="49">
                  <c:v>2.4500000000000001E-2</c:v>
                </c:pt>
                <c:pt idx="50">
                  <c:v>2.5000000000000001E-2</c:v>
                </c:pt>
                <c:pt idx="51">
                  <c:v>2.5499999999999998E-2</c:v>
                </c:pt>
                <c:pt idx="52">
                  <c:v>2.5999999999999999E-2</c:v>
                </c:pt>
                <c:pt idx="53">
                  <c:v>2.6499999999999999E-2</c:v>
                </c:pt>
                <c:pt idx="54">
                  <c:v>2.7E-2</c:v>
                </c:pt>
                <c:pt idx="55">
                  <c:v>2.75E-2</c:v>
                </c:pt>
                <c:pt idx="56">
                  <c:v>2.8000000000000001E-2</c:v>
                </c:pt>
                <c:pt idx="57">
                  <c:v>2.8500000000000001E-2</c:v>
                </c:pt>
                <c:pt idx="58">
                  <c:v>2.9000000000000001E-2</c:v>
                </c:pt>
                <c:pt idx="59">
                  <c:v>2.9499999999999998E-2</c:v>
                </c:pt>
                <c:pt idx="60">
                  <c:v>0.03</c:v>
                </c:pt>
                <c:pt idx="61">
                  <c:v>3.0499999999999999E-2</c:v>
                </c:pt>
                <c:pt idx="62">
                  <c:v>3.1E-2</c:v>
                </c:pt>
                <c:pt idx="63">
                  <c:v>3.15E-2</c:v>
                </c:pt>
                <c:pt idx="64">
                  <c:v>3.2000000000000001E-2</c:v>
                </c:pt>
                <c:pt idx="65">
                  <c:v>3.2500000000000001E-2</c:v>
                </c:pt>
                <c:pt idx="66">
                  <c:v>3.3000000000000002E-2</c:v>
                </c:pt>
                <c:pt idx="67">
                  <c:v>3.3500000000000002E-2</c:v>
                </c:pt>
                <c:pt idx="68">
                  <c:v>3.4000000000000002E-2</c:v>
                </c:pt>
                <c:pt idx="69">
                  <c:v>3.4500000000000003E-2</c:v>
                </c:pt>
                <c:pt idx="70">
                  <c:v>3.5000000000000003E-2</c:v>
                </c:pt>
                <c:pt idx="71">
                  <c:v>3.5499999999999997E-2</c:v>
                </c:pt>
                <c:pt idx="72">
                  <c:v>3.5999999999999997E-2</c:v>
                </c:pt>
                <c:pt idx="73">
                  <c:v>3.6499999999999998E-2</c:v>
                </c:pt>
                <c:pt idx="74">
                  <c:v>3.6999999999999998E-2</c:v>
                </c:pt>
                <c:pt idx="75">
                  <c:v>3.7499999999999999E-2</c:v>
                </c:pt>
                <c:pt idx="76">
                  <c:v>3.7999999999999999E-2</c:v>
                </c:pt>
                <c:pt idx="77">
                  <c:v>3.85E-2</c:v>
                </c:pt>
                <c:pt idx="78">
                  <c:v>3.9E-2</c:v>
                </c:pt>
                <c:pt idx="79">
                  <c:v>3.95E-2</c:v>
                </c:pt>
                <c:pt idx="80">
                  <c:v>0.04</c:v>
                </c:pt>
                <c:pt idx="81">
                  <c:v>4.0500000000000001E-2</c:v>
                </c:pt>
                <c:pt idx="82">
                  <c:v>4.1000000000000002E-2</c:v>
                </c:pt>
                <c:pt idx="83">
                  <c:v>4.1500000000000002E-2</c:v>
                </c:pt>
                <c:pt idx="84">
                  <c:v>4.2000000000000003E-2</c:v>
                </c:pt>
                <c:pt idx="85">
                  <c:v>4.2500000000000003E-2</c:v>
                </c:pt>
                <c:pt idx="86">
                  <c:v>4.2999999999999997E-2</c:v>
                </c:pt>
                <c:pt idx="87">
                  <c:v>4.3499999999999997E-2</c:v>
                </c:pt>
                <c:pt idx="88">
                  <c:v>4.3999999999999997E-2</c:v>
                </c:pt>
                <c:pt idx="89">
                  <c:v>4.4499999999999998E-2</c:v>
                </c:pt>
                <c:pt idx="90">
                  <c:v>4.4999999999999998E-2</c:v>
                </c:pt>
                <c:pt idx="91">
                  <c:v>4.5499999999999999E-2</c:v>
                </c:pt>
                <c:pt idx="92">
                  <c:v>4.5999999999999999E-2</c:v>
                </c:pt>
                <c:pt idx="93">
                  <c:v>4.65E-2</c:v>
                </c:pt>
                <c:pt idx="94">
                  <c:v>4.7E-2</c:v>
                </c:pt>
                <c:pt idx="95">
                  <c:v>4.7500000000000001E-2</c:v>
                </c:pt>
                <c:pt idx="96">
                  <c:v>4.8000000000000001E-2</c:v>
                </c:pt>
                <c:pt idx="97">
                  <c:v>4.8500000000000001E-2</c:v>
                </c:pt>
                <c:pt idx="98">
                  <c:v>4.9000000000000002E-2</c:v>
                </c:pt>
                <c:pt idx="99">
                  <c:v>4.9500000000000002E-2</c:v>
                </c:pt>
                <c:pt idx="100">
                  <c:v>0.05</c:v>
                </c:pt>
                <c:pt idx="101">
                  <c:v>5.0500000000000003E-2</c:v>
                </c:pt>
                <c:pt idx="102">
                  <c:v>5.0999999999999997E-2</c:v>
                </c:pt>
                <c:pt idx="103">
                  <c:v>5.1499999999999997E-2</c:v>
                </c:pt>
                <c:pt idx="104">
                  <c:v>5.1999999999999998E-2</c:v>
                </c:pt>
                <c:pt idx="105">
                  <c:v>5.2499999999999998E-2</c:v>
                </c:pt>
                <c:pt idx="106">
                  <c:v>5.2999999999999999E-2</c:v>
                </c:pt>
                <c:pt idx="107">
                  <c:v>5.3499999999999999E-2</c:v>
                </c:pt>
                <c:pt idx="108">
                  <c:v>5.3999999999999999E-2</c:v>
                </c:pt>
                <c:pt idx="109">
                  <c:v>5.45E-2</c:v>
                </c:pt>
                <c:pt idx="110">
                  <c:v>5.5E-2</c:v>
                </c:pt>
                <c:pt idx="111">
                  <c:v>5.5500000000000001E-2</c:v>
                </c:pt>
                <c:pt idx="112">
                  <c:v>5.6000000000000001E-2</c:v>
                </c:pt>
                <c:pt idx="113">
                  <c:v>5.6500000000000002E-2</c:v>
                </c:pt>
                <c:pt idx="114">
                  <c:v>5.7000000000000002E-2</c:v>
                </c:pt>
                <c:pt idx="115">
                  <c:v>5.7500000000000002E-2</c:v>
                </c:pt>
                <c:pt idx="116">
                  <c:v>5.8000000000000003E-2</c:v>
                </c:pt>
                <c:pt idx="117">
                  <c:v>5.8500000000000003E-2</c:v>
                </c:pt>
                <c:pt idx="118">
                  <c:v>5.8999999999999997E-2</c:v>
                </c:pt>
                <c:pt idx="119">
                  <c:v>5.9499999999999997E-2</c:v>
                </c:pt>
                <c:pt idx="120">
                  <c:v>0.06</c:v>
                </c:pt>
                <c:pt idx="121">
                  <c:v>6.0499999999999998E-2</c:v>
                </c:pt>
                <c:pt idx="122">
                  <c:v>6.0999999999999999E-2</c:v>
                </c:pt>
                <c:pt idx="123">
                  <c:v>6.1499999999999999E-2</c:v>
                </c:pt>
                <c:pt idx="124">
                  <c:v>6.2E-2</c:v>
                </c:pt>
                <c:pt idx="125">
                  <c:v>6.25E-2</c:v>
                </c:pt>
                <c:pt idx="126">
                  <c:v>6.3E-2</c:v>
                </c:pt>
                <c:pt idx="127">
                  <c:v>6.3500000000000001E-2</c:v>
                </c:pt>
                <c:pt idx="128">
                  <c:v>6.4000000000000001E-2</c:v>
                </c:pt>
                <c:pt idx="129">
                  <c:v>6.4500000000000002E-2</c:v>
                </c:pt>
                <c:pt idx="130">
                  <c:v>6.5000000000000002E-2</c:v>
                </c:pt>
                <c:pt idx="131">
                  <c:v>6.5500000000000003E-2</c:v>
                </c:pt>
                <c:pt idx="132">
                  <c:v>6.6000000000000003E-2</c:v>
                </c:pt>
                <c:pt idx="133">
                  <c:v>6.6500000000000004E-2</c:v>
                </c:pt>
                <c:pt idx="134">
                  <c:v>6.7000000000000004E-2</c:v>
                </c:pt>
                <c:pt idx="135">
                  <c:v>6.7500000000000004E-2</c:v>
                </c:pt>
                <c:pt idx="136">
                  <c:v>6.8000000000000005E-2</c:v>
                </c:pt>
                <c:pt idx="137">
                  <c:v>6.8500000000000005E-2</c:v>
                </c:pt>
                <c:pt idx="138">
                  <c:v>6.9000000000000006E-2</c:v>
                </c:pt>
                <c:pt idx="139">
                  <c:v>6.9500000000000006E-2</c:v>
                </c:pt>
                <c:pt idx="140">
                  <c:v>7.0000000000000007E-2</c:v>
                </c:pt>
                <c:pt idx="141">
                  <c:v>7.0499999999999896E-2</c:v>
                </c:pt>
                <c:pt idx="142">
                  <c:v>7.0999999999999897E-2</c:v>
                </c:pt>
                <c:pt idx="143">
                  <c:v>7.1499999999999897E-2</c:v>
                </c:pt>
                <c:pt idx="144">
                  <c:v>7.1999999999999995E-2</c:v>
                </c:pt>
                <c:pt idx="145">
                  <c:v>7.2499999999999995E-2</c:v>
                </c:pt>
                <c:pt idx="146">
                  <c:v>7.2999999999999995E-2</c:v>
                </c:pt>
                <c:pt idx="147">
                  <c:v>7.3499999999999996E-2</c:v>
                </c:pt>
                <c:pt idx="148">
                  <c:v>7.3999999999999996E-2</c:v>
                </c:pt>
                <c:pt idx="149">
                  <c:v>7.4499999999999997E-2</c:v>
                </c:pt>
                <c:pt idx="150">
                  <c:v>7.4999999999999997E-2</c:v>
                </c:pt>
                <c:pt idx="151">
                  <c:v>7.5499999999999998E-2</c:v>
                </c:pt>
                <c:pt idx="152">
                  <c:v>7.5999999999999998E-2</c:v>
                </c:pt>
                <c:pt idx="153">
                  <c:v>7.6499999999999999E-2</c:v>
                </c:pt>
                <c:pt idx="154">
                  <c:v>7.6999999999999999E-2</c:v>
                </c:pt>
                <c:pt idx="155">
                  <c:v>7.7499999999999999E-2</c:v>
                </c:pt>
                <c:pt idx="156">
                  <c:v>7.8E-2</c:v>
                </c:pt>
                <c:pt idx="157">
                  <c:v>7.85E-2</c:v>
                </c:pt>
                <c:pt idx="158">
                  <c:v>7.9000000000000001E-2</c:v>
                </c:pt>
                <c:pt idx="159">
                  <c:v>7.9500000000000001E-2</c:v>
                </c:pt>
                <c:pt idx="160">
                  <c:v>0.08</c:v>
                </c:pt>
              </c:numCache>
            </c:numRef>
          </c:xVal>
          <c:yVal>
            <c:numRef>
              <c:f>'[852-DBRL102018D-G10X-Dev37-85-LIV-rev01.xls]plot-sheet'!$B$2:$B$162</c:f>
              <c:numCache>
                <c:formatCode>General</c:formatCode>
                <c:ptCount val="161"/>
                <c:pt idx="0">
                  <c:v>3.1598115142474E-4</c:v>
                </c:pt>
                <c:pt idx="1">
                  <c:v>3.1765254062880298E-4</c:v>
                </c:pt>
                <c:pt idx="2">
                  <c:v>3.1904525539695202E-4</c:v>
                </c:pt>
                <c:pt idx="3">
                  <c:v>3.1895244703929898E-4</c:v>
                </c:pt>
                <c:pt idx="4">
                  <c:v>3.2535932941963702E-4</c:v>
                </c:pt>
                <c:pt idx="5">
                  <c:v>3.2424506239380803E-4</c:v>
                </c:pt>
                <c:pt idx="6">
                  <c:v>3.2368794021557398E-4</c:v>
                </c:pt>
                <c:pt idx="7">
                  <c:v>3.2461654518737599E-4</c:v>
                </c:pt>
                <c:pt idx="8">
                  <c:v>3.2777357086403899E-4</c:v>
                </c:pt>
                <c:pt idx="9">
                  <c:v>3.29352038363651E-4</c:v>
                </c:pt>
                <c:pt idx="10">
                  <c:v>3.3148774138829602E-4</c:v>
                </c:pt>
                <c:pt idx="11">
                  <c:v>3.3826599321540502E-4</c:v>
                </c:pt>
                <c:pt idx="12">
                  <c:v>3.4151584991908002E-4</c:v>
                </c:pt>
                <c:pt idx="13">
                  <c:v>3.4578714262157098E-4</c:v>
                </c:pt>
                <c:pt idx="14">
                  <c:v>3.49315651091802E-4</c:v>
                </c:pt>
                <c:pt idx="15">
                  <c:v>3.54701097473325E-4</c:v>
                </c:pt>
                <c:pt idx="16">
                  <c:v>3.60643779379879E-4</c:v>
                </c:pt>
                <c:pt idx="17">
                  <c:v>3.66307877527957E-4</c:v>
                </c:pt>
                <c:pt idx="18">
                  <c:v>3.7596461661197102E-4</c:v>
                </c:pt>
                <c:pt idx="19">
                  <c:v>3.8144298469794402E-4</c:v>
                </c:pt>
                <c:pt idx="20">
                  <c:v>3.9137837554851297E-4</c:v>
                </c:pt>
                <c:pt idx="21">
                  <c:v>3.9852801949175298E-4</c:v>
                </c:pt>
                <c:pt idx="22">
                  <c:v>4.0762772707496998E-4</c:v>
                </c:pt>
                <c:pt idx="23">
                  <c:v>4.1496321442711101E-4</c:v>
                </c:pt>
                <c:pt idx="24">
                  <c:v>4.2749841809867E-4</c:v>
                </c:pt>
                <c:pt idx="25">
                  <c:v>4.3585525077218901E-4</c:v>
                </c:pt>
                <c:pt idx="26">
                  <c:v>4.4588344998041101E-4</c:v>
                </c:pt>
                <c:pt idx="27">
                  <c:v>4.6083289509637202E-4</c:v>
                </c:pt>
                <c:pt idx="28">
                  <c:v>4.66961193718234E-4</c:v>
                </c:pt>
                <c:pt idx="29">
                  <c:v>4.9063888629320403E-4</c:v>
                </c:pt>
                <c:pt idx="30">
                  <c:v>5.1765931193758098E-4</c:v>
                </c:pt>
                <c:pt idx="31">
                  <c:v>5.8293550582611897E-4</c:v>
                </c:pt>
                <c:pt idx="32">
                  <c:v>7.0160248445136602E-4</c:v>
                </c:pt>
                <c:pt idx="33">
                  <c:v>9.1154473728815005E-4</c:v>
                </c:pt>
                <c:pt idx="34">
                  <c:v>1.1949342186167999E-3</c:v>
                </c:pt>
                <c:pt idx="35">
                  <c:v>1.47089531355823E-3</c:v>
                </c:pt>
                <c:pt idx="36">
                  <c:v>1.8445383157285799E-3</c:v>
                </c:pt>
                <c:pt idx="37">
                  <c:v>2.2412093066316E-3</c:v>
                </c:pt>
                <c:pt idx="38">
                  <c:v>2.6465164167167599E-3</c:v>
                </c:pt>
                <c:pt idx="39">
                  <c:v>3.0463440705867E-3</c:v>
                </c:pt>
                <c:pt idx="40">
                  <c:v>3.4399512522191801E-3</c:v>
                </c:pt>
                <c:pt idx="41">
                  <c:v>3.8080229419297398E-3</c:v>
                </c:pt>
                <c:pt idx="42">
                  <c:v>4.1873299289013699E-3</c:v>
                </c:pt>
                <c:pt idx="43">
                  <c:v>4.5917077766033099E-3</c:v>
                </c:pt>
                <c:pt idx="44">
                  <c:v>4.9898644266482897E-3</c:v>
                </c:pt>
                <c:pt idx="45">
                  <c:v>5.4102134728360304E-3</c:v>
                </c:pt>
                <c:pt idx="46">
                  <c:v>5.7215522794825504E-3</c:v>
                </c:pt>
                <c:pt idx="47">
                  <c:v>6.1104224717610303E-3</c:v>
                </c:pt>
                <c:pt idx="48">
                  <c:v>6.5031943328359102E-3</c:v>
                </c:pt>
                <c:pt idx="49">
                  <c:v>6.9121212862406E-3</c:v>
                </c:pt>
                <c:pt idx="50">
                  <c:v>7.28975799480677E-3</c:v>
                </c:pt>
                <c:pt idx="51">
                  <c:v>7.67983637326735E-3</c:v>
                </c:pt>
                <c:pt idx="52">
                  <c:v>8.0301733696805395E-3</c:v>
                </c:pt>
                <c:pt idx="53">
                  <c:v>8.4133805746095507E-3</c:v>
                </c:pt>
                <c:pt idx="54">
                  <c:v>8.81961549623894E-3</c:v>
                </c:pt>
                <c:pt idx="55">
                  <c:v>9.2295645657232191E-3</c:v>
                </c:pt>
                <c:pt idx="56">
                  <c:v>9.6536273970561099E-3</c:v>
                </c:pt>
                <c:pt idx="57">
                  <c:v>9.9952339697517694E-3</c:v>
                </c:pt>
                <c:pt idx="58">
                  <c:v>1.0395802639643899E-2</c:v>
                </c:pt>
                <c:pt idx="59">
                  <c:v>1.07987035332379E-2</c:v>
                </c:pt>
                <c:pt idx="60">
                  <c:v>1.1211714598444E-2</c:v>
                </c:pt>
                <c:pt idx="61">
                  <c:v>1.16133003064792E-2</c:v>
                </c:pt>
                <c:pt idx="62">
                  <c:v>1.2035134649099199E-2</c:v>
                </c:pt>
                <c:pt idx="63">
                  <c:v>1.23975469785578E-2</c:v>
                </c:pt>
                <c:pt idx="64">
                  <c:v>1.2778065778809E-2</c:v>
                </c:pt>
                <c:pt idx="65">
                  <c:v>1.3199900121428999E-2</c:v>
                </c:pt>
                <c:pt idx="66">
                  <c:v>1.36095619247901E-2</c:v>
                </c:pt>
                <c:pt idx="67">
                  <c:v>1.40329805836044E-2</c:v>
                </c:pt>
                <c:pt idx="68">
                  <c:v>1.4436151333253501E-2</c:v>
                </c:pt>
                <c:pt idx="69">
                  <c:v>1.4776740142386601E-2</c:v>
                </c:pt>
                <c:pt idx="70">
                  <c:v>1.51872477848881E-2</c:v>
                </c:pt>
                <c:pt idx="71">
                  <c:v>1.5602762272798699E-2</c:v>
                </c:pt>
                <c:pt idx="72">
                  <c:v>1.6001106081075401E-2</c:v>
                </c:pt>
                <c:pt idx="73">
                  <c:v>1.6420987594393501E-2</c:v>
                </c:pt>
                <c:pt idx="74">
                  <c:v>1.67945365640608E-2</c:v>
                </c:pt>
                <c:pt idx="75">
                  <c:v>1.7187217747697801E-2</c:v>
                </c:pt>
                <c:pt idx="76">
                  <c:v>1.7612213468511499E-2</c:v>
                </c:pt>
                <c:pt idx="77">
                  <c:v>1.8039521826700398E-2</c:v>
                </c:pt>
                <c:pt idx="78">
                  <c:v>1.8471854440366399E-2</c:v>
                </c:pt>
                <c:pt idx="79">
                  <c:v>1.8876689302355198E-2</c:v>
                </c:pt>
                <c:pt idx="80">
                  <c:v>1.9209481302671E-2</c:v>
                </c:pt>
                <c:pt idx="81">
                  <c:v>1.96201688492093E-2</c:v>
                </c:pt>
                <c:pt idx="82">
                  <c:v>2.0045443131111999E-2</c:v>
                </c:pt>
                <c:pt idx="83">
                  <c:v>2.0451216685937499E-2</c:v>
                </c:pt>
                <c:pt idx="84">
                  <c:v>2.0868215382151101E-2</c:v>
                </c:pt>
                <c:pt idx="85">
                  <c:v>2.1306300572475199E-2</c:v>
                </c:pt>
                <c:pt idx="86">
                  <c:v>2.1646610820519201E-2</c:v>
                </c:pt>
                <c:pt idx="87">
                  <c:v>2.2068445163139199E-2</c:v>
                </c:pt>
                <c:pt idx="88">
                  <c:v>2.2484615430280401E-2</c:v>
                </c:pt>
                <c:pt idx="89">
                  <c:v>2.2910996702344599E-2</c:v>
                </c:pt>
                <c:pt idx="90">
                  <c:v>2.3323738636915101E-2</c:v>
                </c:pt>
                <c:pt idx="91">
                  <c:v>2.3645752354256599E-2</c:v>
                </c:pt>
                <c:pt idx="92">
                  <c:v>2.4047617348800499E-2</c:v>
                </c:pt>
                <c:pt idx="93">
                  <c:v>2.4475212973112601E-2</c:v>
                </c:pt>
                <c:pt idx="94">
                  <c:v>2.4881265089027198E-2</c:v>
                </c:pt>
                <c:pt idx="95">
                  <c:v>2.52978967229723E-2</c:v>
                </c:pt>
                <c:pt idx="96">
                  <c:v>2.5710727158722101E-2</c:v>
                </c:pt>
                <c:pt idx="97">
                  <c:v>2.6045641736503401E-2</c:v>
                </c:pt>
                <c:pt idx="98">
                  <c:v>2.64690632969958E-2</c:v>
                </c:pt>
                <c:pt idx="99">
                  <c:v>2.68865306142082E-2</c:v>
                </c:pt>
                <c:pt idx="100">
                  <c:v>2.7306690688615399E-2</c:v>
                </c:pt>
                <c:pt idx="101">
                  <c:v>2.7718682539419899E-2</c:v>
                </c:pt>
                <c:pt idx="102">
                  <c:v>2.8120367629927E-2</c:v>
                </c:pt>
                <c:pt idx="103">
                  <c:v>2.84536195462077E-2</c:v>
                </c:pt>
                <c:pt idx="104">
                  <c:v>2.88659828117977E-2</c:v>
                </c:pt>
                <c:pt idx="105">
                  <c:v>2.9259679582738798E-2</c:v>
                </c:pt>
                <c:pt idx="106">
                  <c:v>2.96687030169373E-2</c:v>
                </c:pt>
                <c:pt idx="107">
                  <c:v>3.0088404626218701E-2</c:v>
                </c:pt>
                <c:pt idx="108">
                  <c:v>3.04148753209862E-2</c:v>
                </c:pt>
                <c:pt idx="109">
                  <c:v>3.0836431102516999E-2</c:v>
                </c:pt>
                <c:pt idx="110">
                  <c:v>3.1243040340609901E-2</c:v>
                </c:pt>
                <c:pt idx="111">
                  <c:v>3.1665991829264301E-2</c:v>
                </c:pt>
                <c:pt idx="112">
                  <c:v>3.2071016751162897E-2</c:v>
                </c:pt>
                <c:pt idx="113">
                  <c:v>3.2487648385107898E-2</c:v>
                </c:pt>
                <c:pt idx="114">
                  <c:v>3.2814774859106E-2</c:v>
                </c:pt>
                <c:pt idx="115">
                  <c:v>3.32205484139316E-2</c:v>
                </c:pt>
                <c:pt idx="116">
                  <c:v>3.3598465859845397E-2</c:v>
                </c:pt>
                <c:pt idx="117">
                  <c:v>3.4004784930137102E-2</c:v>
                </c:pt>
                <c:pt idx="118">
                  <c:v>3.4420676636189203E-2</c:v>
                </c:pt>
                <c:pt idx="119">
                  <c:v>3.4736292153515098E-2</c:v>
                </c:pt>
                <c:pt idx="120">
                  <c:v>3.5143638417823003E-2</c:v>
                </c:pt>
                <c:pt idx="121">
                  <c:v>3.5535103798373102E-2</c:v>
                </c:pt>
                <c:pt idx="122">
                  <c:v>3.5944597304409603E-2</c:v>
                </c:pt>
                <c:pt idx="123">
                  <c:v>3.6336999926957499E-2</c:v>
                </c:pt>
                <c:pt idx="124">
                  <c:v>3.6713518764069697E-2</c:v>
                </c:pt>
                <c:pt idx="125">
                  <c:v>3.70166802793696E-2</c:v>
                </c:pt>
                <c:pt idx="126">
                  <c:v>3.74110357312194E-2</c:v>
                </c:pt>
                <c:pt idx="127">
                  <c:v>3.7784029029547403E-2</c:v>
                </c:pt>
                <c:pt idx="128">
                  <c:v>3.8153119570949801E-2</c:v>
                </c:pt>
                <c:pt idx="129">
                  <c:v>3.8542362266143E-2</c:v>
                </c:pt>
                <c:pt idx="130">
                  <c:v>3.8912471296527501E-2</c:v>
                </c:pt>
                <c:pt idx="131">
                  <c:v>3.9223998349535001E-2</c:v>
                </c:pt>
                <c:pt idx="132">
                  <c:v>3.9588454911152898E-2</c:v>
                </c:pt>
                <c:pt idx="133">
                  <c:v>3.9969799238798398E-2</c:v>
                </c:pt>
                <c:pt idx="134">
                  <c:v>4.0329891676686699E-2</c:v>
                </c:pt>
                <c:pt idx="135">
                  <c:v>4.0673908818390503E-2</c:v>
                </c:pt>
                <c:pt idx="136">
                  <c:v>4.0952382857167499E-2</c:v>
                </c:pt>
                <c:pt idx="137">
                  <c:v>4.1304756831544803E-2</c:v>
                </c:pt>
                <c:pt idx="138">
                  <c:v>4.1639590162341797E-2</c:v>
                </c:pt>
                <c:pt idx="139">
                  <c:v>4.1971913541658801E-2</c:v>
                </c:pt>
                <c:pt idx="140">
                  <c:v>4.2303119774941202E-2</c:v>
                </c:pt>
                <c:pt idx="141">
                  <c:v>4.2610468411612E-2</c:v>
                </c:pt>
                <c:pt idx="142">
                  <c:v>4.2879839886466403E-2</c:v>
                </c:pt>
                <c:pt idx="143">
                  <c:v>4.4687518549122902E-2</c:v>
                </c:pt>
                <c:pt idx="144">
                  <c:v>4.51175182136676E-2</c:v>
                </c:pt>
                <c:pt idx="145">
                  <c:v>4.5539442508305897E-2</c:v>
                </c:pt>
                <c:pt idx="146">
                  <c:v>4.5952182992037398E-2</c:v>
                </c:pt>
                <c:pt idx="147">
                  <c:v>4.6366960453733001E-2</c:v>
                </c:pt>
                <c:pt idx="148">
                  <c:v>4.6708754910079898E-2</c:v>
                </c:pt>
                <c:pt idx="149">
                  <c:v>4.7115352541460799E-2</c:v>
                </c:pt>
                <c:pt idx="150">
                  <c:v>4.7539052663042203E-2</c:v>
                </c:pt>
                <c:pt idx="151">
                  <c:v>4.7968315301372001E-2</c:v>
                </c:pt>
                <c:pt idx="152">
                  <c:v>4.83604277561187E-2</c:v>
                </c:pt>
                <c:pt idx="153">
                  <c:v>4.8725441439914703E-2</c:v>
                </c:pt>
                <c:pt idx="154">
                  <c:v>4.9131954922633302E-2</c:v>
                </c:pt>
                <c:pt idx="155">
                  <c:v>4.9547475213899898E-2</c:v>
                </c:pt>
                <c:pt idx="156">
                  <c:v>4.9946647451248903E-2</c:v>
                </c:pt>
                <c:pt idx="157">
                  <c:v>5.0348332541756101E-2</c:v>
                </c:pt>
                <c:pt idx="158">
                  <c:v>5.07445450675333E-2</c:v>
                </c:pt>
                <c:pt idx="159">
                  <c:v>5.1084946718434603E-2</c:v>
                </c:pt>
                <c:pt idx="160">
                  <c:v>5.1467788311934097E-2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6-C35B-3E4A-BE9D-DDDA28AA4F8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-2072212408"/>
        <c:axId val="-2072231496"/>
      </c:scatterChart>
      <c:scatterChart>
        <c:scatterStyle val="lineMarker"/>
        <c:varyColors val="0"/>
        <c:ser>
          <c:idx val="0"/>
          <c:order val="0"/>
          <c:tx>
            <c:strRef>
              <c:f>'[852-DBRL102018D-G10X-Dev37-85-LIV-rev01.xls]plot-sheet'!$L$1</c:f>
              <c:strCache>
                <c:ptCount val="1"/>
                <c:pt idx="0">
                  <c:v>30°C</c:v>
                </c:pt>
              </c:strCache>
            </c:strRef>
          </c:tx>
          <c:spPr>
            <a:ln>
              <a:solidFill>
                <a:srgbClr val="00B0F0"/>
              </a:solidFill>
            </a:ln>
          </c:spPr>
          <c:marker>
            <c:symbol val="none"/>
          </c:marker>
          <c:xVal>
            <c:numRef>
              <c:f>'[852-DBRL102018D-G10X-Dev37-85-LIV-rev01.xls]plot-sheet'!$J$2:$J$162</c:f>
              <c:numCache>
                <c:formatCode>General</c:formatCode>
                <c:ptCount val="161"/>
                <c:pt idx="0">
                  <c:v>0</c:v>
                </c:pt>
                <c:pt idx="1">
                  <c:v>5.0000000000000001E-4</c:v>
                </c:pt>
                <c:pt idx="2">
                  <c:v>1E-3</c:v>
                </c:pt>
                <c:pt idx="3">
                  <c:v>1.5E-3</c:v>
                </c:pt>
                <c:pt idx="4">
                  <c:v>2E-3</c:v>
                </c:pt>
                <c:pt idx="5">
                  <c:v>2.5000000000000001E-3</c:v>
                </c:pt>
                <c:pt idx="6">
                  <c:v>3.0000000000000001E-3</c:v>
                </c:pt>
                <c:pt idx="7">
                  <c:v>3.5000000000000001E-3</c:v>
                </c:pt>
                <c:pt idx="8">
                  <c:v>4.0000000000000001E-3</c:v>
                </c:pt>
                <c:pt idx="9">
                  <c:v>4.4999999999999997E-3</c:v>
                </c:pt>
                <c:pt idx="10">
                  <c:v>5.0000000000000001E-3</c:v>
                </c:pt>
                <c:pt idx="11">
                  <c:v>5.4999999999999997E-3</c:v>
                </c:pt>
                <c:pt idx="12">
                  <c:v>6.0000000000000001E-3</c:v>
                </c:pt>
                <c:pt idx="13">
                  <c:v>6.4999999999999997E-3</c:v>
                </c:pt>
                <c:pt idx="14">
                  <c:v>7.0000000000000001E-3</c:v>
                </c:pt>
                <c:pt idx="15">
                  <c:v>7.4999999999999997E-3</c:v>
                </c:pt>
                <c:pt idx="16">
                  <c:v>8.0000000000000002E-3</c:v>
                </c:pt>
                <c:pt idx="17">
                  <c:v>8.5000000000000006E-3</c:v>
                </c:pt>
                <c:pt idx="18">
                  <c:v>8.9999999999999906E-3</c:v>
                </c:pt>
                <c:pt idx="19">
                  <c:v>9.4999999999999998E-3</c:v>
                </c:pt>
                <c:pt idx="20">
                  <c:v>0.01</c:v>
                </c:pt>
                <c:pt idx="21">
                  <c:v>1.0500000000000001E-2</c:v>
                </c:pt>
                <c:pt idx="22">
                  <c:v>1.0999999999999999E-2</c:v>
                </c:pt>
                <c:pt idx="23">
                  <c:v>1.15E-2</c:v>
                </c:pt>
                <c:pt idx="24">
                  <c:v>1.2E-2</c:v>
                </c:pt>
                <c:pt idx="25">
                  <c:v>1.2500000000000001E-2</c:v>
                </c:pt>
                <c:pt idx="26">
                  <c:v>1.2999999999999999E-2</c:v>
                </c:pt>
                <c:pt idx="27">
                  <c:v>1.35E-2</c:v>
                </c:pt>
                <c:pt idx="28">
                  <c:v>1.4E-2</c:v>
                </c:pt>
                <c:pt idx="29">
                  <c:v>1.4500000000000001E-2</c:v>
                </c:pt>
                <c:pt idx="30">
                  <c:v>1.4999999999999999E-2</c:v>
                </c:pt>
                <c:pt idx="31">
                  <c:v>1.55E-2</c:v>
                </c:pt>
                <c:pt idx="32">
                  <c:v>1.6E-2</c:v>
                </c:pt>
                <c:pt idx="33">
                  <c:v>1.6500000000000001E-2</c:v>
                </c:pt>
                <c:pt idx="34">
                  <c:v>1.7000000000000001E-2</c:v>
                </c:pt>
                <c:pt idx="35">
                  <c:v>1.7500000000000002E-2</c:v>
                </c:pt>
                <c:pt idx="36">
                  <c:v>1.7999999999999999E-2</c:v>
                </c:pt>
                <c:pt idx="37">
                  <c:v>1.8499999999999999E-2</c:v>
                </c:pt>
                <c:pt idx="38">
                  <c:v>1.9E-2</c:v>
                </c:pt>
                <c:pt idx="39">
                  <c:v>1.95E-2</c:v>
                </c:pt>
                <c:pt idx="40">
                  <c:v>0.02</c:v>
                </c:pt>
                <c:pt idx="41">
                  <c:v>2.0500000000000001E-2</c:v>
                </c:pt>
                <c:pt idx="42">
                  <c:v>2.1000000000000001E-2</c:v>
                </c:pt>
                <c:pt idx="43">
                  <c:v>2.1499999999999998E-2</c:v>
                </c:pt>
                <c:pt idx="44">
                  <c:v>2.1999999999999999E-2</c:v>
                </c:pt>
                <c:pt idx="45">
                  <c:v>2.2499999999999999E-2</c:v>
                </c:pt>
                <c:pt idx="46">
                  <c:v>2.3E-2</c:v>
                </c:pt>
                <c:pt idx="47">
                  <c:v>2.35E-2</c:v>
                </c:pt>
                <c:pt idx="48">
                  <c:v>2.4E-2</c:v>
                </c:pt>
                <c:pt idx="49">
                  <c:v>2.4500000000000001E-2</c:v>
                </c:pt>
                <c:pt idx="50">
                  <c:v>2.5000000000000001E-2</c:v>
                </c:pt>
                <c:pt idx="51">
                  <c:v>2.5499999999999998E-2</c:v>
                </c:pt>
                <c:pt idx="52">
                  <c:v>2.5999999999999999E-2</c:v>
                </c:pt>
                <c:pt idx="53">
                  <c:v>2.6499999999999999E-2</c:v>
                </c:pt>
                <c:pt idx="54">
                  <c:v>2.7E-2</c:v>
                </c:pt>
                <c:pt idx="55">
                  <c:v>2.75E-2</c:v>
                </c:pt>
                <c:pt idx="56">
                  <c:v>2.8000000000000001E-2</c:v>
                </c:pt>
                <c:pt idx="57">
                  <c:v>2.8500000000000001E-2</c:v>
                </c:pt>
                <c:pt idx="58">
                  <c:v>2.9000000000000001E-2</c:v>
                </c:pt>
                <c:pt idx="59">
                  <c:v>2.9499999999999998E-2</c:v>
                </c:pt>
                <c:pt idx="60">
                  <c:v>0.03</c:v>
                </c:pt>
                <c:pt idx="61">
                  <c:v>3.0499999999999999E-2</c:v>
                </c:pt>
                <c:pt idx="62">
                  <c:v>3.1E-2</c:v>
                </c:pt>
                <c:pt idx="63">
                  <c:v>3.15E-2</c:v>
                </c:pt>
                <c:pt idx="64">
                  <c:v>3.2000000000000001E-2</c:v>
                </c:pt>
                <c:pt idx="65">
                  <c:v>3.2500000000000001E-2</c:v>
                </c:pt>
                <c:pt idx="66">
                  <c:v>3.3000000000000002E-2</c:v>
                </c:pt>
                <c:pt idx="67">
                  <c:v>3.3500000000000002E-2</c:v>
                </c:pt>
                <c:pt idx="68">
                  <c:v>3.4000000000000002E-2</c:v>
                </c:pt>
                <c:pt idx="69">
                  <c:v>3.4500000000000003E-2</c:v>
                </c:pt>
                <c:pt idx="70">
                  <c:v>3.5000000000000003E-2</c:v>
                </c:pt>
                <c:pt idx="71">
                  <c:v>3.5499999999999997E-2</c:v>
                </c:pt>
                <c:pt idx="72">
                  <c:v>3.5999999999999997E-2</c:v>
                </c:pt>
                <c:pt idx="73">
                  <c:v>3.6499999999999998E-2</c:v>
                </c:pt>
                <c:pt idx="74">
                  <c:v>3.6999999999999998E-2</c:v>
                </c:pt>
                <c:pt idx="75">
                  <c:v>3.7499999999999999E-2</c:v>
                </c:pt>
                <c:pt idx="76">
                  <c:v>3.7999999999999999E-2</c:v>
                </c:pt>
                <c:pt idx="77">
                  <c:v>3.85E-2</c:v>
                </c:pt>
                <c:pt idx="78">
                  <c:v>3.9E-2</c:v>
                </c:pt>
                <c:pt idx="79">
                  <c:v>3.95E-2</c:v>
                </c:pt>
                <c:pt idx="80">
                  <c:v>0.04</c:v>
                </c:pt>
                <c:pt idx="81">
                  <c:v>4.0500000000000001E-2</c:v>
                </c:pt>
                <c:pt idx="82">
                  <c:v>4.1000000000000002E-2</c:v>
                </c:pt>
                <c:pt idx="83">
                  <c:v>4.1500000000000002E-2</c:v>
                </c:pt>
                <c:pt idx="84">
                  <c:v>4.2000000000000003E-2</c:v>
                </c:pt>
                <c:pt idx="85">
                  <c:v>4.2500000000000003E-2</c:v>
                </c:pt>
                <c:pt idx="86">
                  <c:v>4.2999999999999997E-2</c:v>
                </c:pt>
                <c:pt idx="87">
                  <c:v>4.3499999999999997E-2</c:v>
                </c:pt>
                <c:pt idx="88">
                  <c:v>4.3999999999999997E-2</c:v>
                </c:pt>
                <c:pt idx="89">
                  <c:v>4.4499999999999998E-2</c:v>
                </c:pt>
                <c:pt idx="90">
                  <c:v>4.4999999999999998E-2</c:v>
                </c:pt>
                <c:pt idx="91">
                  <c:v>4.5499999999999999E-2</c:v>
                </c:pt>
                <c:pt idx="92">
                  <c:v>4.5999999999999999E-2</c:v>
                </c:pt>
                <c:pt idx="93">
                  <c:v>4.65E-2</c:v>
                </c:pt>
                <c:pt idx="94">
                  <c:v>4.7E-2</c:v>
                </c:pt>
                <c:pt idx="95">
                  <c:v>4.7500000000000001E-2</c:v>
                </c:pt>
                <c:pt idx="96">
                  <c:v>4.8000000000000001E-2</c:v>
                </c:pt>
                <c:pt idx="97">
                  <c:v>4.8500000000000001E-2</c:v>
                </c:pt>
                <c:pt idx="98">
                  <c:v>4.9000000000000002E-2</c:v>
                </c:pt>
                <c:pt idx="99">
                  <c:v>4.9500000000000002E-2</c:v>
                </c:pt>
                <c:pt idx="100">
                  <c:v>0.05</c:v>
                </c:pt>
                <c:pt idx="101">
                  <c:v>5.0500000000000003E-2</c:v>
                </c:pt>
                <c:pt idx="102">
                  <c:v>5.0999999999999997E-2</c:v>
                </c:pt>
                <c:pt idx="103">
                  <c:v>5.1499999999999997E-2</c:v>
                </c:pt>
                <c:pt idx="104">
                  <c:v>5.1999999999999998E-2</c:v>
                </c:pt>
                <c:pt idx="105">
                  <c:v>5.2499999999999998E-2</c:v>
                </c:pt>
                <c:pt idx="106">
                  <c:v>5.2999999999999999E-2</c:v>
                </c:pt>
                <c:pt idx="107">
                  <c:v>5.3499999999999999E-2</c:v>
                </c:pt>
                <c:pt idx="108">
                  <c:v>5.3999999999999999E-2</c:v>
                </c:pt>
                <c:pt idx="109">
                  <c:v>5.45E-2</c:v>
                </c:pt>
                <c:pt idx="110">
                  <c:v>5.5E-2</c:v>
                </c:pt>
                <c:pt idx="111">
                  <c:v>5.5500000000000001E-2</c:v>
                </c:pt>
                <c:pt idx="112">
                  <c:v>5.6000000000000001E-2</c:v>
                </c:pt>
                <c:pt idx="113">
                  <c:v>5.6500000000000002E-2</c:v>
                </c:pt>
                <c:pt idx="114">
                  <c:v>5.7000000000000002E-2</c:v>
                </c:pt>
                <c:pt idx="115">
                  <c:v>5.7500000000000002E-2</c:v>
                </c:pt>
                <c:pt idx="116">
                  <c:v>5.8000000000000003E-2</c:v>
                </c:pt>
                <c:pt idx="117">
                  <c:v>5.8500000000000003E-2</c:v>
                </c:pt>
                <c:pt idx="118">
                  <c:v>5.8999999999999997E-2</c:v>
                </c:pt>
                <c:pt idx="119">
                  <c:v>5.9499999999999997E-2</c:v>
                </c:pt>
                <c:pt idx="120">
                  <c:v>0.06</c:v>
                </c:pt>
                <c:pt idx="121">
                  <c:v>6.0499999999999998E-2</c:v>
                </c:pt>
                <c:pt idx="122">
                  <c:v>6.0999999999999999E-2</c:v>
                </c:pt>
                <c:pt idx="123">
                  <c:v>6.1499999999999999E-2</c:v>
                </c:pt>
                <c:pt idx="124">
                  <c:v>6.2E-2</c:v>
                </c:pt>
                <c:pt idx="125">
                  <c:v>6.25E-2</c:v>
                </c:pt>
                <c:pt idx="126">
                  <c:v>6.3E-2</c:v>
                </c:pt>
                <c:pt idx="127">
                  <c:v>6.3500000000000001E-2</c:v>
                </c:pt>
                <c:pt idx="128">
                  <c:v>6.4000000000000001E-2</c:v>
                </c:pt>
                <c:pt idx="129">
                  <c:v>6.4500000000000002E-2</c:v>
                </c:pt>
                <c:pt idx="130">
                  <c:v>6.5000000000000002E-2</c:v>
                </c:pt>
                <c:pt idx="131">
                  <c:v>6.5500000000000003E-2</c:v>
                </c:pt>
                <c:pt idx="132">
                  <c:v>6.6000000000000003E-2</c:v>
                </c:pt>
                <c:pt idx="133">
                  <c:v>6.6500000000000004E-2</c:v>
                </c:pt>
                <c:pt idx="134">
                  <c:v>6.7000000000000004E-2</c:v>
                </c:pt>
                <c:pt idx="135">
                  <c:v>6.7500000000000004E-2</c:v>
                </c:pt>
                <c:pt idx="136">
                  <c:v>6.8000000000000005E-2</c:v>
                </c:pt>
                <c:pt idx="137">
                  <c:v>6.8500000000000005E-2</c:v>
                </c:pt>
                <c:pt idx="138">
                  <c:v>6.9000000000000006E-2</c:v>
                </c:pt>
                <c:pt idx="139">
                  <c:v>6.9500000000000006E-2</c:v>
                </c:pt>
                <c:pt idx="140">
                  <c:v>7.0000000000000007E-2</c:v>
                </c:pt>
                <c:pt idx="141">
                  <c:v>7.0499999999999896E-2</c:v>
                </c:pt>
                <c:pt idx="142">
                  <c:v>7.0999999999999897E-2</c:v>
                </c:pt>
                <c:pt idx="143">
                  <c:v>7.1499999999999897E-2</c:v>
                </c:pt>
                <c:pt idx="144">
                  <c:v>7.1999999999999995E-2</c:v>
                </c:pt>
                <c:pt idx="145">
                  <c:v>7.2499999999999995E-2</c:v>
                </c:pt>
                <c:pt idx="146">
                  <c:v>7.2999999999999995E-2</c:v>
                </c:pt>
                <c:pt idx="147">
                  <c:v>7.3499999999999996E-2</c:v>
                </c:pt>
                <c:pt idx="148">
                  <c:v>7.3999999999999996E-2</c:v>
                </c:pt>
                <c:pt idx="149">
                  <c:v>7.4499999999999997E-2</c:v>
                </c:pt>
                <c:pt idx="150">
                  <c:v>7.4999999999999997E-2</c:v>
                </c:pt>
                <c:pt idx="151">
                  <c:v>7.5499999999999998E-2</c:v>
                </c:pt>
                <c:pt idx="152">
                  <c:v>7.5999999999999998E-2</c:v>
                </c:pt>
                <c:pt idx="153">
                  <c:v>7.6499999999999999E-2</c:v>
                </c:pt>
                <c:pt idx="154">
                  <c:v>7.6999999999999999E-2</c:v>
                </c:pt>
                <c:pt idx="155">
                  <c:v>7.7499999999999999E-2</c:v>
                </c:pt>
                <c:pt idx="156">
                  <c:v>7.8E-2</c:v>
                </c:pt>
                <c:pt idx="157">
                  <c:v>7.85E-2</c:v>
                </c:pt>
                <c:pt idx="158">
                  <c:v>7.9000000000000001E-2</c:v>
                </c:pt>
                <c:pt idx="159">
                  <c:v>7.9500000000000001E-2</c:v>
                </c:pt>
                <c:pt idx="160">
                  <c:v>0.08</c:v>
                </c:pt>
              </c:numCache>
            </c:numRef>
          </c:xVal>
          <c:yVal>
            <c:numRef>
              <c:f>'[852-DBRL102018D-G10X-Dev37-85-LIV-rev01.xls]plot-sheet'!$L$2:$L$162</c:f>
              <c:numCache>
                <c:formatCode>General</c:formatCode>
                <c:ptCount val="161"/>
                <c:pt idx="0">
                  <c:v>1.218567</c:v>
                </c:pt>
                <c:pt idx="1">
                  <c:v>1.324246</c:v>
                </c:pt>
                <c:pt idx="2">
                  <c:v>1.3637760000000001</c:v>
                </c:pt>
                <c:pt idx="3">
                  <c:v>1.3888670000000001</c:v>
                </c:pt>
                <c:pt idx="4">
                  <c:v>1.408299</c:v>
                </c:pt>
                <c:pt idx="5">
                  <c:v>1.425983</c:v>
                </c:pt>
                <c:pt idx="6">
                  <c:v>1.440844</c:v>
                </c:pt>
                <c:pt idx="7">
                  <c:v>1.4524109999999999</c:v>
                </c:pt>
                <c:pt idx="8">
                  <c:v>1.465071</c:v>
                </c:pt>
                <c:pt idx="9">
                  <c:v>1.476316</c:v>
                </c:pt>
                <c:pt idx="10">
                  <c:v>1.4872890000000001</c:v>
                </c:pt>
                <c:pt idx="11">
                  <c:v>1.496626</c:v>
                </c:pt>
                <c:pt idx="12">
                  <c:v>1.504508</c:v>
                </c:pt>
                <c:pt idx="13">
                  <c:v>1.513166</c:v>
                </c:pt>
                <c:pt idx="14">
                  <c:v>1.521495</c:v>
                </c:pt>
                <c:pt idx="15">
                  <c:v>1.529471</c:v>
                </c:pt>
                <c:pt idx="16">
                  <c:v>1.5371919999999999</c:v>
                </c:pt>
                <c:pt idx="17">
                  <c:v>1.5443789999999999</c:v>
                </c:pt>
                <c:pt idx="18">
                  <c:v>1.5502750000000001</c:v>
                </c:pt>
                <c:pt idx="19">
                  <c:v>1.557321</c:v>
                </c:pt>
                <c:pt idx="20">
                  <c:v>1.563636</c:v>
                </c:pt>
                <c:pt idx="21">
                  <c:v>1.570643</c:v>
                </c:pt>
                <c:pt idx="22">
                  <c:v>1.5771250000000001</c:v>
                </c:pt>
                <c:pt idx="23">
                  <c:v>1.583237</c:v>
                </c:pt>
                <c:pt idx="24">
                  <c:v>1.5881339999999999</c:v>
                </c:pt>
                <c:pt idx="25">
                  <c:v>1.594328</c:v>
                </c:pt>
                <c:pt idx="26">
                  <c:v>1.6002559999999999</c:v>
                </c:pt>
                <c:pt idx="27">
                  <c:v>1.606533</c:v>
                </c:pt>
                <c:pt idx="28">
                  <c:v>1.6122780000000001</c:v>
                </c:pt>
                <c:pt idx="29">
                  <c:v>1.6166799999999999</c:v>
                </c:pt>
                <c:pt idx="30">
                  <c:v>1.6226499999999999</c:v>
                </c:pt>
                <c:pt idx="31">
                  <c:v>1.6277090000000001</c:v>
                </c:pt>
                <c:pt idx="32">
                  <c:v>1.6333299999999999</c:v>
                </c:pt>
                <c:pt idx="33">
                  <c:v>1.638774</c:v>
                </c:pt>
                <c:pt idx="34">
                  <c:v>1.64361</c:v>
                </c:pt>
                <c:pt idx="35">
                  <c:v>1.646981</c:v>
                </c:pt>
                <c:pt idx="36">
                  <c:v>1.6508069999999999</c:v>
                </c:pt>
                <c:pt idx="37">
                  <c:v>1.654758</c:v>
                </c:pt>
                <c:pt idx="38">
                  <c:v>1.658828</c:v>
                </c:pt>
                <c:pt idx="39">
                  <c:v>1.662792</c:v>
                </c:pt>
                <c:pt idx="40">
                  <c:v>1.666858</c:v>
                </c:pt>
                <c:pt idx="41">
                  <c:v>1.6704650000000001</c:v>
                </c:pt>
                <c:pt idx="42">
                  <c:v>1.674361</c:v>
                </c:pt>
                <c:pt idx="43">
                  <c:v>1.6784110000000001</c:v>
                </c:pt>
                <c:pt idx="44">
                  <c:v>1.6824239999999999</c:v>
                </c:pt>
                <c:pt idx="45">
                  <c:v>1.6864380000000001</c:v>
                </c:pt>
                <c:pt idx="46">
                  <c:v>1.689654</c:v>
                </c:pt>
                <c:pt idx="47">
                  <c:v>1.693613</c:v>
                </c:pt>
                <c:pt idx="48">
                  <c:v>1.697565</c:v>
                </c:pt>
                <c:pt idx="49">
                  <c:v>1.7016739999999999</c:v>
                </c:pt>
                <c:pt idx="50">
                  <c:v>1.7056500000000001</c:v>
                </c:pt>
                <c:pt idx="51">
                  <c:v>1.709722</c:v>
                </c:pt>
                <c:pt idx="52">
                  <c:v>1.7132959999999999</c:v>
                </c:pt>
                <c:pt idx="53">
                  <c:v>1.7173119999999999</c:v>
                </c:pt>
                <c:pt idx="54">
                  <c:v>1.7214210000000001</c:v>
                </c:pt>
                <c:pt idx="55">
                  <c:v>1.725244</c:v>
                </c:pt>
                <c:pt idx="56">
                  <c:v>1.7292460000000001</c:v>
                </c:pt>
                <c:pt idx="57">
                  <c:v>1.7323139999999999</c:v>
                </c:pt>
                <c:pt idx="58">
                  <c:v>1.7364139999999999</c:v>
                </c:pt>
                <c:pt idx="59">
                  <c:v>1.7404459999999999</c:v>
                </c:pt>
                <c:pt idx="60">
                  <c:v>1.744467</c:v>
                </c:pt>
                <c:pt idx="61">
                  <c:v>1.7480899999999999</c:v>
                </c:pt>
                <c:pt idx="62">
                  <c:v>1.752132</c:v>
                </c:pt>
                <c:pt idx="63">
                  <c:v>1.7556259999999999</c:v>
                </c:pt>
                <c:pt idx="64">
                  <c:v>1.759339</c:v>
                </c:pt>
                <c:pt idx="65">
                  <c:v>1.7640260000000001</c:v>
                </c:pt>
                <c:pt idx="66">
                  <c:v>1.7679389999999999</c:v>
                </c:pt>
                <c:pt idx="67">
                  <c:v>1.7712490000000001</c:v>
                </c:pt>
                <c:pt idx="68">
                  <c:v>1.7747109999999999</c:v>
                </c:pt>
                <c:pt idx="69">
                  <c:v>1.7777179999999999</c:v>
                </c:pt>
                <c:pt idx="70">
                  <c:v>1.781596</c:v>
                </c:pt>
                <c:pt idx="71">
                  <c:v>1.785981</c:v>
                </c:pt>
                <c:pt idx="72">
                  <c:v>1.7897529999999999</c:v>
                </c:pt>
                <c:pt idx="73">
                  <c:v>1.792905</c:v>
                </c:pt>
                <c:pt idx="74">
                  <c:v>1.7965960000000001</c:v>
                </c:pt>
                <c:pt idx="75">
                  <c:v>1.8002320000000001</c:v>
                </c:pt>
                <c:pt idx="76">
                  <c:v>1.804173</c:v>
                </c:pt>
                <c:pt idx="77">
                  <c:v>1.808066</c:v>
                </c:pt>
                <c:pt idx="78">
                  <c:v>1.811728</c:v>
                </c:pt>
                <c:pt idx="79">
                  <c:v>1.815008</c:v>
                </c:pt>
                <c:pt idx="80">
                  <c:v>1.817693</c:v>
                </c:pt>
                <c:pt idx="81">
                  <c:v>1.821369</c:v>
                </c:pt>
                <c:pt idx="82">
                  <c:v>1.825375</c:v>
                </c:pt>
                <c:pt idx="83">
                  <c:v>1.8288660000000001</c:v>
                </c:pt>
                <c:pt idx="84">
                  <c:v>1.832673</c:v>
                </c:pt>
                <c:pt idx="85">
                  <c:v>1.8359570000000001</c:v>
                </c:pt>
                <c:pt idx="86">
                  <c:v>1.838768</c:v>
                </c:pt>
                <c:pt idx="87">
                  <c:v>1.8423620000000001</c:v>
                </c:pt>
                <c:pt idx="88">
                  <c:v>1.8462190000000001</c:v>
                </c:pt>
                <c:pt idx="89">
                  <c:v>1.8497110000000001</c:v>
                </c:pt>
                <c:pt idx="90">
                  <c:v>1.853046</c:v>
                </c:pt>
                <c:pt idx="91">
                  <c:v>1.8558829999999999</c:v>
                </c:pt>
                <c:pt idx="92">
                  <c:v>1.8592979999999999</c:v>
                </c:pt>
                <c:pt idx="93">
                  <c:v>1.863035</c:v>
                </c:pt>
                <c:pt idx="94">
                  <c:v>1.8664890000000001</c:v>
                </c:pt>
                <c:pt idx="95">
                  <c:v>1.869883</c:v>
                </c:pt>
                <c:pt idx="96">
                  <c:v>1.8733390000000001</c:v>
                </c:pt>
                <c:pt idx="97">
                  <c:v>1.876112</c:v>
                </c:pt>
                <c:pt idx="98">
                  <c:v>1.879899</c:v>
                </c:pt>
                <c:pt idx="99">
                  <c:v>1.883127</c:v>
                </c:pt>
                <c:pt idx="100">
                  <c:v>1.88676</c:v>
                </c:pt>
                <c:pt idx="101">
                  <c:v>1.8900220000000001</c:v>
                </c:pt>
                <c:pt idx="102">
                  <c:v>1.8936679999999999</c:v>
                </c:pt>
                <c:pt idx="103">
                  <c:v>1.89642</c:v>
                </c:pt>
                <c:pt idx="104">
                  <c:v>1.9003140000000001</c:v>
                </c:pt>
                <c:pt idx="105">
                  <c:v>1.9031610000000001</c:v>
                </c:pt>
                <c:pt idx="106">
                  <c:v>1.9066000000000001</c:v>
                </c:pt>
                <c:pt idx="107">
                  <c:v>1.910069</c:v>
                </c:pt>
                <c:pt idx="108">
                  <c:v>1.912936</c:v>
                </c:pt>
                <c:pt idx="109">
                  <c:v>1.9169050000000001</c:v>
                </c:pt>
                <c:pt idx="110">
                  <c:v>1.9203440000000001</c:v>
                </c:pt>
                <c:pt idx="111">
                  <c:v>1.923117</c:v>
                </c:pt>
                <c:pt idx="112">
                  <c:v>1.9263600000000001</c:v>
                </c:pt>
                <c:pt idx="113">
                  <c:v>1.929829999999999</c:v>
                </c:pt>
                <c:pt idx="114">
                  <c:v>1.9330000000000001</c:v>
                </c:pt>
                <c:pt idx="115">
                  <c:v>1.936882</c:v>
                </c:pt>
                <c:pt idx="116">
                  <c:v>1.9404319999999999</c:v>
                </c:pt>
                <c:pt idx="117">
                  <c:v>1.9429160000000001</c:v>
                </c:pt>
                <c:pt idx="118">
                  <c:v>1.9457599999999999</c:v>
                </c:pt>
                <c:pt idx="119">
                  <c:v>1.948339</c:v>
                </c:pt>
                <c:pt idx="120">
                  <c:v>1.951897</c:v>
                </c:pt>
                <c:pt idx="121">
                  <c:v>1.955633</c:v>
                </c:pt>
                <c:pt idx="122">
                  <c:v>1.9586460000000001</c:v>
                </c:pt>
                <c:pt idx="123">
                  <c:v>1.961403</c:v>
                </c:pt>
                <c:pt idx="124">
                  <c:v>1.964183</c:v>
                </c:pt>
                <c:pt idx="125">
                  <c:v>1.966882</c:v>
                </c:pt>
                <c:pt idx="126">
                  <c:v>1.9708129999999999</c:v>
                </c:pt>
                <c:pt idx="127">
                  <c:v>1.9738450000000001</c:v>
                </c:pt>
                <c:pt idx="128">
                  <c:v>1.976847</c:v>
                </c:pt>
                <c:pt idx="129">
                  <c:v>1.9797419999999999</c:v>
                </c:pt>
                <c:pt idx="130">
                  <c:v>1.982701</c:v>
                </c:pt>
                <c:pt idx="131">
                  <c:v>1.9852909999999999</c:v>
                </c:pt>
                <c:pt idx="132">
                  <c:v>1.9890060000000001</c:v>
                </c:pt>
                <c:pt idx="133">
                  <c:v>1.992407</c:v>
                </c:pt>
                <c:pt idx="134">
                  <c:v>1.9948049999999999</c:v>
                </c:pt>
                <c:pt idx="135">
                  <c:v>1.997425</c:v>
                </c:pt>
                <c:pt idx="136">
                  <c:v>1.999738</c:v>
                </c:pt>
                <c:pt idx="137">
                  <c:v>2.0029629999999981</c:v>
                </c:pt>
                <c:pt idx="138">
                  <c:v>2.0061279999999999</c:v>
                </c:pt>
                <c:pt idx="139">
                  <c:v>2.0096240000000001</c:v>
                </c:pt>
                <c:pt idx="140">
                  <c:v>2.012381</c:v>
                </c:pt>
                <c:pt idx="141">
                  <c:v>2.015209</c:v>
                </c:pt>
                <c:pt idx="142">
                  <c:v>2.018085999999998</c:v>
                </c:pt>
                <c:pt idx="143">
                  <c:v>2.0211540000000001</c:v>
                </c:pt>
                <c:pt idx="144">
                  <c:v>2.0244879999999998</c:v>
                </c:pt>
                <c:pt idx="145">
                  <c:v>2.0272350000000001</c:v>
                </c:pt>
                <c:pt idx="146">
                  <c:v>2.030227</c:v>
                </c:pt>
                <c:pt idx="147">
                  <c:v>2.032922999999998</c:v>
                </c:pt>
                <c:pt idx="148">
                  <c:v>2.035912999999999</c:v>
                </c:pt>
                <c:pt idx="149">
                  <c:v>2.038761</c:v>
                </c:pt>
                <c:pt idx="150">
                  <c:v>2.041612999999999</c:v>
                </c:pt>
                <c:pt idx="151">
                  <c:v>2.0446420000000001</c:v>
                </c:pt>
                <c:pt idx="152">
                  <c:v>2.0475620000000001</c:v>
                </c:pt>
                <c:pt idx="153">
                  <c:v>2.0501619999999998</c:v>
                </c:pt>
                <c:pt idx="154">
                  <c:v>2.053121</c:v>
                </c:pt>
                <c:pt idx="155">
                  <c:v>2.056264999999998</c:v>
                </c:pt>
                <c:pt idx="156">
                  <c:v>2.059005</c:v>
                </c:pt>
                <c:pt idx="157">
                  <c:v>2.0619749999999999</c:v>
                </c:pt>
                <c:pt idx="158">
                  <c:v>2.0652900000000001</c:v>
                </c:pt>
                <c:pt idx="159">
                  <c:v>2.068006</c:v>
                </c:pt>
                <c:pt idx="160">
                  <c:v>2.071019999999999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7-C35B-3E4A-BE9D-DDDA28AA4F89}"/>
            </c:ext>
          </c:extLst>
        </c:ser>
        <c:ser>
          <c:idx val="8"/>
          <c:order val="7"/>
          <c:tx>
            <c:strRef>
              <c:f>'[852-DBRL102018D-G10X-Dev37-85-LIV-rev01.xls]plot-sheet'!$K$1</c:f>
              <c:strCache>
                <c:ptCount val="1"/>
                <c:pt idx="0">
                  <c:v>20°C</c:v>
                </c:pt>
              </c:strCache>
            </c:strRef>
          </c:tx>
          <c:spPr>
            <a:ln>
              <a:solidFill>
                <a:srgbClr val="0070C0"/>
              </a:solidFill>
            </a:ln>
          </c:spPr>
          <c:marker>
            <c:symbol val="none"/>
          </c:marker>
          <c:xVal>
            <c:numRef>
              <c:f>'[852-DBRL102018D-G10X-Dev37-85-LIV-rev01.xls]plot-sheet'!$J$2:$J$162</c:f>
              <c:numCache>
                <c:formatCode>General</c:formatCode>
                <c:ptCount val="161"/>
                <c:pt idx="0">
                  <c:v>0</c:v>
                </c:pt>
                <c:pt idx="1">
                  <c:v>5.0000000000000001E-4</c:v>
                </c:pt>
                <c:pt idx="2">
                  <c:v>1E-3</c:v>
                </c:pt>
                <c:pt idx="3">
                  <c:v>1.5E-3</c:v>
                </c:pt>
                <c:pt idx="4">
                  <c:v>2E-3</c:v>
                </c:pt>
                <c:pt idx="5">
                  <c:v>2.5000000000000001E-3</c:v>
                </c:pt>
                <c:pt idx="6">
                  <c:v>3.0000000000000001E-3</c:v>
                </c:pt>
                <c:pt idx="7">
                  <c:v>3.5000000000000001E-3</c:v>
                </c:pt>
                <c:pt idx="8">
                  <c:v>4.0000000000000001E-3</c:v>
                </c:pt>
                <c:pt idx="9">
                  <c:v>4.4999999999999997E-3</c:v>
                </c:pt>
                <c:pt idx="10">
                  <c:v>5.0000000000000001E-3</c:v>
                </c:pt>
                <c:pt idx="11">
                  <c:v>5.4999999999999997E-3</c:v>
                </c:pt>
                <c:pt idx="12">
                  <c:v>6.0000000000000001E-3</c:v>
                </c:pt>
                <c:pt idx="13">
                  <c:v>6.4999999999999997E-3</c:v>
                </c:pt>
                <c:pt idx="14">
                  <c:v>7.0000000000000001E-3</c:v>
                </c:pt>
                <c:pt idx="15">
                  <c:v>7.4999999999999997E-3</c:v>
                </c:pt>
                <c:pt idx="16">
                  <c:v>8.0000000000000002E-3</c:v>
                </c:pt>
                <c:pt idx="17">
                  <c:v>8.5000000000000006E-3</c:v>
                </c:pt>
                <c:pt idx="18">
                  <c:v>8.9999999999999906E-3</c:v>
                </c:pt>
                <c:pt idx="19">
                  <c:v>9.4999999999999998E-3</c:v>
                </c:pt>
                <c:pt idx="20">
                  <c:v>0.01</c:v>
                </c:pt>
                <c:pt idx="21">
                  <c:v>1.0500000000000001E-2</c:v>
                </c:pt>
                <c:pt idx="22">
                  <c:v>1.0999999999999999E-2</c:v>
                </c:pt>
                <c:pt idx="23">
                  <c:v>1.15E-2</c:v>
                </c:pt>
                <c:pt idx="24">
                  <c:v>1.2E-2</c:v>
                </c:pt>
                <c:pt idx="25">
                  <c:v>1.2500000000000001E-2</c:v>
                </c:pt>
                <c:pt idx="26">
                  <c:v>1.2999999999999999E-2</c:v>
                </c:pt>
                <c:pt idx="27">
                  <c:v>1.35E-2</c:v>
                </c:pt>
                <c:pt idx="28">
                  <c:v>1.4E-2</c:v>
                </c:pt>
                <c:pt idx="29">
                  <c:v>1.4500000000000001E-2</c:v>
                </c:pt>
                <c:pt idx="30">
                  <c:v>1.4999999999999999E-2</c:v>
                </c:pt>
                <c:pt idx="31">
                  <c:v>1.55E-2</c:v>
                </c:pt>
                <c:pt idx="32">
                  <c:v>1.6E-2</c:v>
                </c:pt>
                <c:pt idx="33">
                  <c:v>1.6500000000000001E-2</c:v>
                </c:pt>
                <c:pt idx="34">
                  <c:v>1.7000000000000001E-2</c:v>
                </c:pt>
                <c:pt idx="35">
                  <c:v>1.7500000000000002E-2</c:v>
                </c:pt>
                <c:pt idx="36">
                  <c:v>1.7999999999999999E-2</c:v>
                </c:pt>
                <c:pt idx="37">
                  <c:v>1.8499999999999999E-2</c:v>
                </c:pt>
                <c:pt idx="38">
                  <c:v>1.9E-2</c:v>
                </c:pt>
                <c:pt idx="39">
                  <c:v>1.95E-2</c:v>
                </c:pt>
                <c:pt idx="40">
                  <c:v>0.02</c:v>
                </c:pt>
                <c:pt idx="41">
                  <c:v>2.0500000000000001E-2</c:v>
                </c:pt>
                <c:pt idx="42">
                  <c:v>2.1000000000000001E-2</c:v>
                </c:pt>
                <c:pt idx="43">
                  <c:v>2.1499999999999998E-2</c:v>
                </c:pt>
                <c:pt idx="44">
                  <c:v>2.1999999999999999E-2</c:v>
                </c:pt>
                <c:pt idx="45">
                  <c:v>2.2499999999999999E-2</c:v>
                </c:pt>
                <c:pt idx="46">
                  <c:v>2.3E-2</c:v>
                </c:pt>
                <c:pt idx="47">
                  <c:v>2.35E-2</c:v>
                </c:pt>
                <c:pt idx="48">
                  <c:v>2.4E-2</c:v>
                </c:pt>
                <c:pt idx="49">
                  <c:v>2.4500000000000001E-2</c:v>
                </c:pt>
                <c:pt idx="50">
                  <c:v>2.5000000000000001E-2</c:v>
                </c:pt>
                <c:pt idx="51">
                  <c:v>2.5499999999999998E-2</c:v>
                </c:pt>
                <c:pt idx="52">
                  <c:v>2.5999999999999999E-2</c:v>
                </c:pt>
                <c:pt idx="53">
                  <c:v>2.6499999999999999E-2</c:v>
                </c:pt>
                <c:pt idx="54">
                  <c:v>2.7E-2</c:v>
                </c:pt>
                <c:pt idx="55">
                  <c:v>2.75E-2</c:v>
                </c:pt>
                <c:pt idx="56">
                  <c:v>2.8000000000000001E-2</c:v>
                </c:pt>
                <c:pt idx="57">
                  <c:v>2.8500000000000001E-2</c:v>
                </c:pt>
                <c:pt idx="58">
                  <c:v>2.9000000000000001E-2</c:v>
                </c:pt>
                <c:pt idx="59">
                  <c:v>2.9499999999999998E-2</c:v>
                </c:pt>
                <c:pt idx="60">
                  <c:v>0.03</c:v>
                </c:pt>
                <c:pt idx="61">
                  <c:v>3.0499999999999999E-2</c:v>
                </c:pt>
                <c:pt idx="62">
                  <c:v>3.1E-2</c:v>
                </c:pt>
                <c:pt idx="63">
                  <c:v>3.15E-2</c:v>
                </c:pt>
                <c:pt idx="64">
                  <c:v>3.2000000000000001E-2</c:v>
                </c:pt>
                <c:pt idx="65">
                  <c:v>3.2500000000000001E-2</c:v>
                </c:pt>
                <c:pt idx="66">
                  <c:v>3.3000000000000002E-2</c:v>
                </c:pt>
                <c:pt idx="67">
                  <c:v>3.3500000000000002E-2</c:v>
                </c:pt>
                <c:pt idx="68">
                  <c:v>3.4000000000000002E-2</c:v>
                </c:pt>
                <c:pt idx="69">
                  <c:v>3.4500000000000003E-2</c:v>
                </c:pt>
                <c:pt idx="70">
                  <c:v>3.5000000000000003E-2</c:v>
                </c:pt>
                <c:pt idx="71">
                  <c:v>3.5499999999999997E-2</c:v>
                </c:pt>
                <c:pt idx="72">
                  <c:v>3.5999999999999997E-2</c:v>
                </c:pt>
                <c:pt idx="73">
                  <c:v>3.6499999999999998E-2</c:v>
                </c:pt>
                <c:pt idx="74">
                  <c:v>3.6999999999999998E-2</c:v>
                </c:pt>
                <c:pt idx="75">
                  <c:v>3.7499999999999999E-2</c:v>
                </c:pt>
                <c:pt idx="76">
                  <c:v>3.7999999999999999E-2</c:v>
                </c:pt>
                <c:pt idx="77">
                  <c:v>3.85E-2</c:v>
                </c:pt>
                <c:pt idx="78">
                  <c:v>3.9E-2</c:v>
                </c:pt>
                <c:pt idx="79">
                  <c:v>3.95E-2</c:v>
                </c:pt>
                <c:pt idx="80">
                  <c:v>0.04</c:v>
                </c:pt>
                <c:pt idx="81">
                  <c:v>4.0500000000000001E-2</c:v>
                </c:pt>
                <c:pt idx="82">
                  <c:v>4.1000000000000002E-2</c:v>
                </c:pt>
                <c:pt idx="83">
                  <c:v>4.1500000000000002E-2</c:v>
                </c:pt>
                <c:pt idx="84">
                  <c:v>4.2000000000000003E-2</c:v>
                </c:pt>
                <c:pt idx="85">
                  <c:v>4.2500000000000003E-2</c:v>
                </c:pt>
                <c:pt idx="86">
                  <c:v>4.2999999999999997E-2</c:v>
                </c:pt>
                <c:pt idx="87">
                  <c:v>4.3499999999999997E-2</c:v>
                </c:pt>
                <c:pt idx="88">
                  <c:v>4.3999999999999997E-2</c:v>
                </c:pt>
                <c:pt idx="89">
                  <c:v>4.4499999999999998E-2</c:v>
                </c:pt>
                <c:pt idx="90">
                  <c:v>4.4999999999999998E-2</c:v>
                </c:pt>
                <c:pt idx="91">
                  <c:v>4.5499999999999999E-2</c:v>
                </c:pt>
                <c:pt idx="92">
                  <c:v>4.5999999999999999E-2</c:v>
                </c:pt>
                <c:pt idx="93">
                  <c:v>4.65E-2</c:v>
                </c:pt>
                <c:pt idx="94">
                  <c:v>4.7E-2</c:v>
                </c:pt>
                <c:pt idx="95">
                  <c:v>4.7500000000000001E-2</c:v>
                </c:pt>
                <c:pt idx="96">
                  <c:v>4.8000000000000001E-2</c:v>
                </c:pt>
                <c:pt idx="97">
                  <c:v>4.8500000000000001E-2</c:v>
                </c:pt>
                <c:pt idx="98">
                  <c:v>4.9000000000000002E-2</c:v>
                </c:pt>
                <c:pt idx="99">
                  <c:v>4.9500000000000002E-2</c:v>
                </c:pt>
                <c:pt idx="100">
                  <c:v>0.05</c:v>
                </c:pt>
                <c:pt idx="101">
                  <c:v>5.0500000000000003E-2</c:v>
                </c:pt>
                <c:pt idx="102">
                  <c:v>5.0999999999999997E-2</c:v>
                </c:pt>
                <c:pt idx="103">
                  <c:v>5.1499999999999997E-2</c:v>
                </c:pt>
                <c:pt idx="104">
                  <c:v>5.1999999999999998E-2</c:v>
                </c:pt>
                <c:pt idx="105">
                  <c:v>5.2499999999999998E-2</c:v>
                </c:pt>
                <c:pt idx="106">
                  <c:v>5.2999999999999999E-2</c:v>
                </c:pt>
                <c:pt idx="107">
                  <c:v>5.3499999999999999E-2</c:v>
                </c:pt>
                <c:pt idx="108">
                  <c:v>5.3999999999999999E-2</c:v>
                </c:pt>
                <c:pt idx="109">
                  <c:v>5.45E-2</c:v>
                </c:pt>
                <c:pt idx="110">
                  <c:v>5.5E-2</c:v>
                </c:pt>
                <c:pt idx="111">
                  <c:v>5.5500000000000001E-2</c:v>
                </c:pt>
                <c:pt idx="112">
                  <c:v>5.6000000000000001E-2</c:v>
                </c:pt>
                <c:pt idx="113">
                  <c:v>5.6500000000000002E-2</c:v>
                </c:pt>
                <c:pt idx="114">
                  <c:v>5.7000000000000002E-2</c:v>
                </c:pt>
                <c:pt idx="115">
                  <c:v>5.7500000000000002E-2</c:v>
                </c:pt>
                <c:pt idx="116">
                  <c:v>5.8000000000000003E-2</c:v>
                </c:pt>
                <c:pt idx="117">
                  <c:v>5.8500000000000003E-2</c:v>
                </c:pt>
                <c:pt idx="118">
                  <c:v>5.8999999999999997E-2</c:v>
                </c:pt>
                <c:pt idx="119">
                  <c:v>5.9499999999999997E-2</c:v>
                </c:pt>
                <c:pt idx="120">
                  <c:v>0.06</c:v>
                </c:pt>
                <c:pt idx="121">
                  <c:v>6.0499999999999998E-2</c:v>
                </c:pt>
                <c:pt idx="122">
                  <c:v>6.0999999999999999E-2</c:v>
                </c:pt>
                <c:pt idx="123">
                  <c:v>6.1499999999999999E-2</c:v>
                </c:pt>
                <c:pt idx="124">
                  <c:v>6.2E-2</c:v>
                </c:pt>
                <c:pt idx="125">
                  <c:v>6.25E-2</c:v>
                </c:pt>
                <c:pt idx="126">
                  <c:v>6.3E-2</c:v>
                </c:pt>
                <c:pt idx="127">
                  <c:v>6.3500000000000001E-2</c:v>
                </c:pt>
                <c:pt idx="128">
                  <c:v>6.4000000000000001E-2</c:v>
                </c:pt>
                <c:pt idx="129">
                  <c:v>6.4500000000000002E-2</c:v>
                </c:pt>
                <c:pt idx="130">
                  <c:v>6.5000000000000002E-2</c:v>
                </c:pt>
                <c:pt idx="131">
                  <c:v>6.5500000000000003E-2</c:v>
                </c:pt>
                <c:pt idx="132">
                  <c:v>6.6000000000000003E-2</c:v>
                </c:pt>
                <c:pt idx="133">
                  <c:v>6.6500000000000004E-2</c:v>
                </c:pt>
                <c:pt idx="134">
                  <c:v>6.7000000000000004E-2</c:v>
                </c:pt>
                <c:pt idx="135">
                  <c:v>6.7500000000000004E-2</c:v>
                </c:pt>
                <c:pt idx="136">
                  <c:v>6.8000000000000005E-2</c:v>
                </c:pt>
                <c:pt idx="137">
                  <c:v>6.8500000000000005E-2</c:v>
                </c:pt>
                <c:pt idx="138">
                  <c:v>6.9000000000000006E-2</c:v>
                </c:pt>
                <c:pt idx="139">
                  <c:v>6.9500000000000006E-2</c:v>
                </c:pt>
                <c:pt idx="140">
                  <c:v>7.0000000000000007E-2</c:v>
                </c:pt>
                <c:pt idx="141">
                  <c:v>7.0499999999999896E-2</c:v>
                </c:pt>
                <c:pt idx="142">
                  <c:v>7.0999999999999897E-2</c:v>
                </c:pt>
                <c:pt idx="143">
                  <c:v>7.1499999999999897E-2</c:v>
                </c:pt>
                <c:pt idx="144">
                  <c:v>7.1999999999999995E-2</c:v>
                </c:pt>
                <c:pt idx="145">
                  <c:v>7.2499999999999995E-2</c:v>
                </c:pt>
                <c:pt idx="146">
                  <c:v>7.2999999999999995E-2</c:v>
                </c:pt>
                <c:pt idx="147">
                  <c:v>7.3499999999999996E-2</c:v>
                </c:pt>
                <c:pt idx="148">
                  <c:v>7.3999999999999996E-2</c:v>
                </c:pt>
                <c:pt idx="149">
                  <c:v>7.4499999999999997E-2</c:v>
                </c:pt>
                <c:pt idx="150">
                  <c:v>7.4999999999999997E-2</c:v>
                </c:pt>
                <c:pt idx="151">
                  <c:v>7.5499999999999998E-2</c:v>
                </c:pt>
                <c:pt idx="152">
                  <c:v>7.5999999999999998E-2</c:v>
                </c:pt>
                <c:pt idx="153">
                  <c:v>7.6499999999999999E-2</c:v>
                </c:pt>
                <c:pt idx="154">
                  <c:v>7.6999999999999999E-2</c:v>
                </c:pt>
                <c:pt idx="155">
                  <c:v>7.7499999999999999E-2</c:v>
                </c:pt>
                <c:pt idx="156">
                  <c:v>7.8E-2</c:v>
                </c:pt>
                <c:pt idx="157">
                  <c:v>7.85E-2</c:v>
                </c:pt>
                <c:pt idx="158">
                  <c:v>7.9000000000000001E-2</c:v>
                </c:pt>
                <c:pt idx="159">
                  <c:v>7.9500000000000001E-2</c:v>
                </c:pt>
                <c:pt idx="160">
                  <c:v>0.08</c:v>
                </c:pt>
              </c:numCache>
            </c:numRef>
          </c:xVal>
          <c:yVal>
            <c:numRef>
              <c:f>'[852-DBRL102018D-G10X-Dev37-85-LIV-rev01.xls]plot-sheet'!$K$2:$K$162</c:f>
              <c:numCache>
                <c:formatCode>General</c:formatCode>
                <c:ptCount val="161"/>
                <c:pt idx="0">
                  <c:v>1.238632</c:v>
                </c:pt>
                <c:pt idx="1">
                  <c:v>1.33914</c:v>
                </c:pt>
                <c:pt idx="2">
                  <c:v>1.380188</c:v>
                </c:pt>
                <c:pt idx="3">
                  <c:v>1.4064650000000001</c:v>
                </c:pt>
                <c:pt idx="4">
                  <c:v>1.4270350000000001</c:v>
                </c:pt>
                <c:pt idx="5">
                  <c:v>1.445756</c:v>
                </c:pt>
                <c:pt idx="6">
                  <c:v>1.4616929999999999</c:v>
                </c:pt>
                <c:pt idx="7">
                  <c:v>1.473821</c:v>
                </c:pt>
                <c:pt idx="8">
                  <c:v>1.487555</c:v>
                </c:pt>
                <c:pt idx="9">
                  <c:v>1.500022</c:v>
                </c:pt>
                <c:pt idx="10">
                  <c:v>1.5117970000000001</c:v>
                </c:pt>
                <c:pt idx="11">
                  <c:v>1.522656</c:v>
                </c:pt>
                <c:pt idx="12">
                  <c:v>1.5310520000000001</c:v>
                </c:pt>
                <c:pt idx="13">
                  <c:v>1.5409120000000001</c:v>
                </c:pt>
                <c:pt idx="14">
                  <c:v>1.5503039999999999</c:v>
                </c:pt>
                <c:pt idx="15">
                  <c:v>1.5591900000000001</c:v>
                </c:pt>
                <c:pt idx="16">
                  <c:v>1.5681890000000001</c:v>
                </c:pt>
                <c:pt idx="17">
                  <c:v>1.5763160000000001</c:v>
                </c:pt>
                <c:pt idx="18">
                  <c:v>1.582883</c:v>
                </c:pt>
                <c:pt idx="19">
                  <c:v>1.591226</c:v>
                </c:pt>
                <c:pt idx="20">
                  <c:v>1.598608</c:v>
                </c:pt>
                <c:pt idx="21">
                  <c:v>1.6072839999999999</c:v>
                </c:pt>
                <c:pt idx="22">
                  <c:v>1.614862</c:v>
                </c:pt>
                <c:pt idx="23">
                  <c:v>1.621748</c:v>
                </c:pt>
                <c:pt idx="24">
                  <c:v>1.6271139999999999</c:v>
                </c:pt>
                <c:pt idx="25">
                  <c:v>1.6341349999999999</c:v>
                </c:pt>
                <c:pt idx="26">
                  <c:v>1.6411260000000001</c:v>
                </c:pt>
                <c:pt idx="27">
                  <c:v>1.648347</c:v>
                </c:pt>
                <c:pt idx="28">
                  <c:v>1.655654</c:v>
                </c:pt>
                <c:pt idx="29">
                  <c:v>1.6609039999999999</c:v>
                </c:pt>
                <c:pt idx="30">
                  <c:v>1.6675089999999999</c:v>
                </c:pt>
                <c:pt idx="31">
                  <c:v>1.67334</c:v>
                </c:pt>
                <c:pt idx="32">
                  <c:v>1.679632</c:v>
                </c:pt>
                <c:pt idx="33">
                  <c:v>1.685565</c:v>
                </c:pt>
                <c:pt idx="34">
                  <c:v>1.6914020000000001</c:v>
                </c:pt>
                <c:pt idx="35">
                  <c:v>1.695786</c:v>
                </c:pt>
                <c:pt idx="36">
                  <c:v>1.700979</c:v>
                </c:pt>
                <c:pt idx="37">
                  <c:v>1.7062619999999999</c:v>
                </c:pt>
                <c:pt idx="38">
                  <c:v>1.711592</c:v>
                </c:pt>
                <c:pt idx="39">
                  <c:v>1.71675</c:v>
                </c:pt>
                <c:pt idx="40">
                  <c:v>1.7222409999999999</c:v>
                </c:pt>
                <c:pt idx="41">
                  <c:v>1.7273430000000001</c:v>
                </c:pt>
                <c:pt idx="42">
                  <c:v>1.7326729999999999</c:v>
                </c:pt>
                <c:pt idx="43">
                  <c:v>1.737911</c:v>
                </c:pt>
                <c:pt idx="44">
                  <c:v>1.742462</c:v>
                </c:pt>
                <c:pt idx="45">
                  <c:v>1.7475810000000001</c:v>
                </c:pt>
                <c:pt idx="46">
                  <c:v>1.751757</c:v>
                </c:pt>
                <c:pt idx="47">
                  <c:v>1.7579340000000001</c:v>
                </c:pt>
                <c:pt idx="48">
                  <c:v>1.763433</c:v>
                </c:pt>
                <c:pt idx="49">
                  <c:v>1.7690159999999999</c:v>
                </c:pt>
                <c:pt idx="50">
                  <c:v>1.772724</c:v>
                </c:pt>
                <c:pt idx="51">
                  <c:v>1.7772570000000001</c:v>
                </c:pt>
                <c:pt idx="52">
                  <c:v>1.7816890000000001</c:v>
                </c:pt>
                <c:pt idx="53">
                  <c:v>1.787696</c:v>
                </c:pt>
                <c:pt idx="54">
                  <c:v>1.7960050000000001</c:v>
                </c:pt>
                <c:pt idx="55">
                  <c:v>1.7995019999999999</c:v>
                </c:pt>
                <c:pt idx="56">
                  <c:v>1.803185</c:v>
                </c:pt>
                <c:pt idx="57">
                  <c:v>1.8070930000000001</c:v>
                </c:pt>
                <c:pt idx="58">
                  <c:v>1.8120860000000001</c:v>
                </c:pt>
                <c:pt idx="59">
                  <c:v>1.8178369999999999</c:v>
                </c:pt>
                <c:pt idx="60">
                  <c:v>1.825418</c:v>
                </c:pt>
                <c:pt idx="61">
                  <c:v>1.8285</c:v>
                </c:pt>
                <c:pt idx="62">
                  <c:v>1.831834</c:v>
                </c:pt>
                <c:pt idx="63">
                  <c:v>1.8359460000000001</c:v>
                </c:pt>
                <c:pt idx="64">
                  <c:v>1.840651</c:v>
                </c:pt>
                <c:pt idx="65">
                  <c:v>1.848263</c:v>
                </c:pt>
                <c:pt idx="66">
                  <c:v>1.85331</c:v>
                </c:pt>
                <c:pt idx="67">
                  <c:v>1.856706</c:v>
                </c:pt>
                <c:pt idx="68">
                  <c:v>1.8600810000000001</c:v>
                </c:pt>
                <c:pt idx="69">
                  <c:v>1.864052</c:v>
                </c:pt>
                <c:pt idx="70">
                  <c:v>1.8691260000000001</c:v>
                </c:pt>
                <c:pt idx="71">
                  <c:v>1.874681</c:v>
                </c:pt>
                <c:pt idx="72">
                  <c:v>1.8799410000000001</c:v>
                </c:pt>
                <c:pt idx="73">
                  <c:v>1.8828689999999999</c:v>
                </c:pt>
                <c:pt idx="74">
                  <c:v>1.885826</c:v>
                </c:pt>
                <c:pt idx="75">
                  <c:v>1.8903099999999999</c:v>
                </c:pt>
                <c:pt idx="76">
                  <c:v>1.8957310000000001</c:v>
                </c:pt>
                <c:pt idx="77">
                  <c:v>1.9007419999999999</c:v>
                </c:pt>
                <c:pt idx="78">
                  <c:v>1.9054759999999999</c:v>
                </c:pt>
                <c:pt idx="79">
                  <c:v>1.909891999999999</c:v>
                </c:pt>
                <c:pt idx="80">
                  <c:v>1.912269</c:v>
                </c:pt>
                <c:pt idx="81">
                  <c:v>1.916309</c:v>
                </c:pt>
                <c:pt idx="82">
                  <c:v>1.9211819999999999</c:v>
                </c:pt>
                <c:pt idx="83">
                  <c:v>1.9256329999999999</c:v>
                </c:pt>
                <c:pt idx="84">
                  <c:v>1.930588</c:v>
                </c:pt>
                <c:pt idx="85">
                  <c:v>1.9357709999999999</c:v>
                </c:pt>
                <c:pt idx="86">
                  <c:v>1.939732</c:v>
                </c:pt>
                <c:pt idx="87">
                  <c:v>1.9435690000000001</c:v>
                </c:pt>
                <c:pt idx="88">
                  <c:v>1.9473199999999999</c:v>
                </c:pt>
                <c:pt idx="89">
                  <c:v>1.9518740000000001</c:v>
                </c:pt>
                <c:pt idx="90">
                  <c:v>1.9559519999999999</c:v>
                </c:pt>
                <c:pt idx="91">
                  <c:v>1.9615739999999999</c:v>
                </c:pt>
                <c:pt idx="92">
                  <c:v>1.967103</c:v>
                </c:pt>
                <c:pt idx="93">
                  <c:v>1.970812</c:v>
                </c:pt>
                <c:pt idx="94">
                  <c:v>1.973463</c:v>
                </c:pt>
                <c:pt idx="95">
                  <c:v>1.9775</c:v>
                </c:pt>
                <c:pt idx="96">
                  <c:v>1.982051</c:v>
                </c:pt>
                <c:pt idx="97">
                  <c:v>1.9877499999999999</c:v>
                </c:pt>
                <c:pt idx="98">
                  <c:v>1.9962839999999999</c:v>
                </c:pt>
                <c:pt idx="99">
                  <c:v>1.9968809999999999</c:v>
                </c:pt>
                <c:pt idx="100">
                  <c:v>1.9996</c:v>
                </c:pt>
                <c:pt idx="101">
                  <c:v>2.0036770000000002</c:v>
                </c:pt>
                <c:pt idx="102">
                  <c:v>2.009007</c:v>
                </c:pt>
                <c:pt idx="103">
                  <c:v>2.0135169999999998</c:v>
                </c:pt>
                <c:pt idx="104">
                  <c:v>2.0219809999999998</c:v>
                </c:pt>
                <c:pt idx="105">
                  <c:v>2.0231710000000001</c:v>
                </c:pt>
                <c:pt idx="106">
                  <c:v>2.0251290000000002</c:v>
                </c:pt>
                <c:pt idx="107">
                  <c:v>2.0287820000000001</c:v>
                </c:pt>
                <c:pt idx="108">
                  <c:v>2.0335380000000001</c:v>
                </c:pt>
                <c:pt idx="109">
                  <c:v>2.0425990000000001</c:v>
                </c:pt>
                <c:pt idx="110">
                  <c:v>2.0455640000000002</c:v>
                </c:pt>
                <c:pt idx="111">
                  <c:v>2.0475989999999999</c:v>
                </c:pt>
                <c:pt idx="112">
                  <c:v>2.0494789999999981</c:v>
                </c:pt>
                <c:pt idx="113">
                  <c:v>2.0547810000000002</c:v>
                </c:pt>
                <c:pt idx="114">
                  <c:v>2.060245999999998</c:v>
                </c:pt>
                <c:pt idx="115">
                  <c:v>2.0680999999999998</c:v>
                </c:pt>
                <c:pt idx="116">
                  <c:v>2.0717400000000001</c:v>
                </c:pt>
                <c:pt idx="117">
                  <c:v>2.0723150000000001</c:v>
                </c:pt>
                <c:pt idx="118">
                  <c:v>2.0727980000000001</c:v>
                </c:pt>
                <c:pt idx="119">
                  <c:v>2.074735</c:v>
                </c:pt>
                <c:pt idx="120">
                  <c:v>2.0798860000000001</c:v>
                </c:pt>
                <c:pt idx="121">
                  <c:v>2.0862080000000001</c:v>
                </c:pt>
                <c:pt idx="122">
                  <c:v>2.0886809999999998</c:v>
                </c:pt>
                <c:pt idx="123">
                  <c:v>2.0914009999999981</c:v>
                </c:pt>
                <c:pt idx="124">
                  <c:v>2.0933090000000001</c:v>
                </c:pt>
                <c:pt idx="125">
                  <c:v>2.0951339999999998</c:v>
                </c:pt>
                <c:pt idx="126">
                  <c:v>2.099219999999999</c:v>
                </c:pt>
                <c:pt idx="127">
                  <c:v>2.104428</c:v>
                </c:pt>
                <c:pt idx="128">
                  <c:v>2.109121</c:v>
                </c:pt>
                <c:pt idx="129">
                  <c:v>2.112169999999999</c:v>
                </c:pt>
                <c:pt idx="130">
                  <c:v>2.115807999999999</c:v>
                </c:pt>
                <c:pt idx="131">
                  <c:v>2.1172749999999998</c:v>
                </c:pt>
                <c:pt idx="132">
                  <c:v>2.1198800000000002</c:v>
                </c:pt>
                <c:pt idx="133">
                  <c:v>2.1248019999999999</c:v>
                </c:pt>
                <c:pt idx="134">
                  <c:v>2.1293319999999998</c:v>
                </c:pt>
                <c:pt idx="135">
                  <c:v>2.1330900000000002</c:v>
                </c:pt>
                <c:pt idx="136">
                  <c:v>2.135386</c:v>
                </c:pt>
                <c:pt idx="137">
                  <c:v>2.1389049999999998</c:v>
                </c:pt>
                <c:pt idx="138">
                  <c:v>2.141302</c:v>
                </c:pt>
                <c:pt idx="139">
                  <c:v>2.145988</c:v>
                </c:pt>
                <c:pt idx="140">
                  <c:v>2.1515249999999999</c:v>
                </c:pt>
                <c:pt idx="141">
                  <c:v>2.1553599999999991</c:v>
                </c:pt>
                <c:pt idx="142">
                  <c:v>2.158385</c:v>
                </c:pt>
                <c:pt idx="143">
                  <c:v>2.1597949999999999</c:v>
                </c:pt>
                <c:pt idx="144">
                  <c:v>2.162623</c:v>
                </c:pt>
                <c:pt idx="145">
                  <c:v>2.1662080000000001</c:v>
                </c:pt>
                <c:pt idx="146">
                  <c:v>2.1755260000000001</c:v>
                </c:pt>
                <c:pt idx="147">
                  <c:v>2.1822119999999998</c:v>
                </c:pt>
                <c:pt idx="148">
                  <c:v>2.1839369999999998</c:v>
                </c:pt>
                <c:pt idx="149">
                  <c:v>2.1836570000000002</c:v>
                </c:pt>
                <c:pt idx="150">
                  <c:v>2.1858369999999998</c:v>
                </c:pt>
                <c:pt idx="151">
                  <c:v>2.189095</c:v>
                </c:pt>
                <c:pt idx="152">
                  <c:v>2.198191</c:v>
                </c:pt>
                <c:pt idx="153">
                  <c:v>2.2169370000000002</c:v>
                </c:pt>
                <c:pt idx="154">
                  <c:v>2.212225999999998</c:v>
                </c:pt>
                <c:pt idx="155">
                  <c:v>2.2078709999999999</c:v>
                </c:pt>
                <c:pt idx="156">
                  <c:v>2.2067130000000001</c:v>
                </c:pt>
                <c:pt idx="157">
                  <c:v>2.2079309999999999</c:v>
                </c:pt>
                <c:pt idx="158">
                  <c:v>2.212024</c:v>
                </c:pt>
                <c:pt idx="159">
                  <c:v>2.2186249999999998</c:v>
                </c:pt>
                <c:pt idx="160">
                  <c:v>2.2189519999999998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8-C35B-3E4A-BE9D-DDDA28AA4F89}"/>
            </c:ext>
          </c:extLst>
        </c:ser>
        <c:ser>
          <c:idx val="7"/>
          <c:order val="8"/>
          <c:tx>
            <c:strRef>
              <c:f>'[852-DBRL102018D-G10X-Dev37-85-LIV-rev01.xls]plot-sheet'!$M$1</c:f>
              <c:strCache>
                <c:ptCount val="1"/>
                <c:pt idx="0">
                  <c:v>40°C</c:v>
                </c:pt>
              </c:strCache>
            </c:strRef>
          </c:tx>
          <c:spPr>
            <a:ln>
              <a:solidFill>
                <a:srgbClr val="00B050"/>
              </a:solidFill>
            </a:ln>
          </c:spPr>
          <c:marker>
            <c:symbol val="none"/>
          </c:marker>
          <c:xVal>
            <c:numRef>
              <c:f>'[852-DBRL102018D-G10X-Dev37-85-LIV-rev01.xls]plot-sheet'!$J$2:$J$162</c:f>
              <c:numCache>
                <c:formatCode>General</c:formatCode>
                <c:ptCount val="161"/>
                <c:pt idx="0">
                  <c:v>0</c:v>
                </c:pt>
                <c:pt idx="1">
                  <c:v>5.0000000000000001E-4</c:v>
                </c:pt>
                <c:pt idx="2">
                  <c:v>1E-3</c:v>
                </c:pt>
                <c:pt idx="3">
                  <c:v>1.5E-3</c:v>
                </c:pt>
                <c:pt idx="4">
                  <c:v>2E-3</c:v>
                </c:pt>
                <c:pt idx="5">
                  <c:v>2.5000000000000001E-3</c:v>
                </c:pt>
                <c:pt idx="6">
                  <c:v>3.0000000000000001E-3</c:v>
                </c:pt>
                <c:pt idx="7">
                  <c:v>3.5000000000000001E-3</c:v>
                </c:pt>
                <c:pt idx="8">
                  <c:v>4.0000000000000001E-3</c:v>
                </c:pt>
                <c:pt idx="9">
                  <c:v>4.4999999999999997E-3</c:v>
                </c:pt>
                <c:pt idx="10">
                  <c:v>5.0000000000000001E-3</c:v>
                </c:pt>
                <c:pt idx="11">
                  <c:v>5.4999999999999997E-3</c:v>
                </c:pt>
                <c:pt idx="12">
                  <c:v>6.0000000000000001E-3</c:v>
                </c:pt>
                <c:pt idx="13">
                  <c:v>6.4999999999999997E-3</c:v>
                </c:pt>
                <c:pt idx="14">
                  <c:v>7.0000000000000001E-3</c:v>
                </c:pt>
                <c:pt idx="15">
                  <c:v>7.4999999999999997E-3</c:v>
                </c:pt>
                <c:pt idx="16">
                  <c:v>8.0000000000000002E-3</c:v>
                </c:pt>
                <c:pt idx="17">
                  <c:v>8.5000000000000006E-3</c:v>
                </c:pt>
                <c:pt idx="18">
                  <c:v>8.9999999999999906E-3</c:v>
                </c:pt>
                <c:pt idx="19">
                  <c:v>9.4999999999999998E-3</c:v>
                </c:pt>
                <c:pt idx="20">
                  <c:v>0.01</c:v>
                </c:pt>
                <c:pt idx="21">
                  <c:v>1.0500000000000001E-2</c:v>
                </c:pt>
                <c:pt idx="22">
                  <c:v>1.0999999999999999E-2</c:v>
                </c:pt>
                <c:pt idx="23">
                  <c:v>1.15E-2</c:v>
                </c:pt>
                <c:pt idx="24">
                  <c:v>1.2E-2</c:v>
                </c:pt>
                <c:pt idx="25">
                  <c:v>1.2500000000000001E-2</c:v>
                </c:pt>
                <c:pt idx="26">
                  <c:v>1.2999999999999999E-2</c:v>
                </c:pt>
                <c:pt idx="27">
                  <c:v>1.35E-2</c:v>
                </c:pt>
                <c:pt idx="28">
                  <c:v>1.4E-2</c:v>
                </c:pt>
                <c:pt idx="29">
                  <c:v>1.4500000000000001E-2</c:v>
                </c:pt>
                <c:pt idx="30">
                  <c:v>1.4999999999999999E-2</c:v>
                </c:pt>
                <c:pt idx="31">
                  <c:v>1.55E-2</c:v>
                </c:pt>
                <c:pt idx="32">
                  <c:v>1.6E-2</c:v>
                </c:pt>
                <c:pt idx="33">
                  <c:v>1.6500000000000001E-2</c:v>
                </c:pt>
                <c:pt idx="34">
                  <c:v>1.7000000000000001E-2</c:v>
                </c:pt>
                <c:pt idx="35">
                  <c:v>1.7500000000000002E-2</c:v>
                </c:pt>
                <c:pt idx="36">
                  <c:v>1.7999999999999999E-2</c:v>
                </c:pt>
                <c:pt idx="37">
                  <c:v>1.8499999999999999E-2</c:v>
                </c:pt>
                <c:pt idx="38">
                  <c:v>1.9E-2</c:v>
                </c:pt>
                <c:pt idx="39">
                  <c:v>1.95E-2</c:v>
                </c:pt>
                <c:pt idx="40">
                  <c:v>0.02</c:v>
                </c:pt>
                <c:pt idx="41">
                  <c:v>2.0500000000000001E-2</c:v>
                </c:pt>
                <c:pt idx="42">
                  <c:v>2.1000000000000001E-2</c:v>
                </c:pt>
                <c:pt idx="43">
                  <c:v>2.1499999999999998E-2</c:v>
                </c:pt>
                <c:pt idx="44">
                  <c:v>2.1999999999999999E-2</c:v>
                </c:pt>
                <c:pt idx="45">
                  <c:v>2.2499999999999999E-2</c:v>
                </c:pt>
                <c:pt idx="46">
                  <c:v>2.3E-2</c:v>
                </c:pt>
                <c:pt idx="47">
                  <c:v>2.35E-2</c:v>
                </c:pt>
                <c:pt idx="48">
                  <c:v>2.4E-2</c:v>
                </c:pt>
                <c:pt idx="49">
                  <c:v>2.4500000000000001E-2</c:v>
                </c:pt>
                <c:pt idx="50">
                  <c:v>2.5000000000000001E-2</c:v>
                </c:pt>
                <c:pt idx="51">
                  <c:v>2.5499999999999998E-2</c:v>
                </c:pt>
                <c:pt idx="52">
                  <c:v>2.5999999999999999E-2</c:v>
                </c:pt>
                <c:pt idx="53">
                  <c:v>2.6499999999999999E-2</c:v>
                </c:pt>
                <c:pt idx="54">
                  <c:v>2.7E-2</c:v>
                </c:pt>
                <c:pt idx="55">
                  <c:v>2.75E-2</c:v>
                </c:pt>
                <c:pt idx="56">
                  <c:v>2.8000000000000001E-2</c:v>
                </c:pt>
                <c:pt idx="57">
                  <c:v>2.8500000000000001E-2</c:v>
                </c:pt>
                <c:pt idx="58">
                  <c:v>2.9000000000000001E-2</c:v>
                </c:pt>
                <c:pt idx="59">
                  <c:v>2.9499999999999998E-2</c:v>
                </c:pt>
                <c:pt idx="60">
                  <c:v>0.03</c:v>
                </c:pt>
                <c:pt idx="61">
                  <c:v>3.0499999999999999E-2</c:v>
                </c:pt>
                <c:pt idx="62">
                  <c:v>3.1E-2</c:v>
                </c:pt>
                <c:pt idx="63">
                  <c:v>3.15E-2</c:v>
                </c:pt>
                <c:pt idx="64">
                  <c:v>3.2000000000000001E-2</c:v>
                </c:pt>
                <c:pt idx="65">
                  <c:v>3.2500000000000001E-2</c:v>
                </c:pt>
                <c:pt idx="66">
                  <c:v>3.3000000000000002E-2</c:v>
                </c:pt>
                <c:pt idx="67">
                  <c:v>3.3500000000000002E-2</c:v>
                </c:pt>
                <c:pt idx="68">
                  <c:v>3.4000000000000002E-2</c:v>
                </c:pt>
                <c:pt idx="69">
                  <c:v>3.4500000000000003E-2</c:v>
                </c:pt>
                <c:pt idx="70">
                  <c:v>3.5000000000000003E-2</c:v>
                </c:pt>
                <c:pt idx="71">
                  <c:v>3.5499999999999997E-2</c:v>
                </c:pt>
                <c:pt idx="72">
                  <c:v>3.5999999999999997E-2</c:v>
                </c:pt>
                <c:pt idx="73">
                  <c:v>3.6499999999999998E-2</c:v>
                </c:pt>
                <c:pt idx="74">
                  <c:v>3.6999999999999998E-2</c:v>
                </c:pt>
                <c:pt idx="75">
                  <c:v>3.7499999999999999E-2</c:v>
                </c:pt>
                <c:pt idx="76">
                  <c:v>3.7999999999999999E-2</c:v>
                </c:pt>
                <c:pt idx="77">
                  <c:v>3.85E-2</c:v>
                </c:pt>
                <c:pt idx="78">
                  <c:v>3.9E-2</c:v>
                </c:pt>
                <c:pt idx="79">
                  <c:v>3.95E-2</c:v>
                </c:pt>
                <c:pt idx="80">
                  <c:v>0.04</c:v>
                </c:pt>
                <c:pt idx="81">
                  <c:v>4.0500000000000001E-2</c:v>
                </c:pt>
                <c:pt idx="82">
                  <c:v>4.1000000000000002E-2</c:v>
                </c:pt>
                <c:pt idx="83">
                  <c:v>4.1500000000000002E-2</c:v>
                </c:pt>
                <c:pt idx="84">
                  <c:v>4.2000000000000003E-2</c:v>
                </c:pt>
                <c:pt idx="85">
                  <c:v>4.2500000000000003E-2</c:v>
                </c:pt>
                <c:pt idx="86">
                  <c:v>4.2999999999999997E-2</c:v>
                </c:pt>
                <c:pt idx="87">
                  <c:v>4.3499999999999997E-2</c:v>
                </c:pt>
                <c:pt idx="88">
                  <c:v>4.3999999999999997E-2</c:v>
                </c:pt>
                <c:pt idx="89">
                  <c:v>4.4499999999999998E-2</c:v>
                </c:pt>
                <c:pt idx="90">
                  <c:v>4.4999999999999998E-2</c:v>
                </c:pt>
                <c:pt idx="91">
                  <c:v>4.5499999999999999E-2</c:v>
                </c:pt>
                <c:pt idx="92">
                  <c:v>4.5999999999999999E-2</c:v>
                </c:pt>
                <c:pt idx="93">
                  <c:v>4.65E-2</c:v>
                </c:pt>
                <c:pt idx="94">
                  <c:v>4.7E-2</c:v>
                </c:pt>
                <c:pt idx="95">
                  <c:v>4.7500000000000001E-2</c:v>
                </c:pt>
                <c:pt idx="96">
                  <c:v>4.8000000000000001E-2</c:v>
                </c:pt>
                <c:pt idx="97">
                  <c:v>4.8500000000000001E-2</c:v>
                </c:pt>
                <c:pt idx="98">
                  <c:v>4.9000000000000002E-2</c:v>
                </c:pt>
                <c:pt idx="99">
                  <c:v>4.9500000000000002E-2</c:v>
                </c:pt>
                <c:pt idx="100">
                  <c:v>0.05</c:v>
                </c:pt>
                <c:pt idx="101">
                  <c:v>5.0500000000000003E-2</c:v>
                </c:pt>
                <c:pt idx="102">
                  <c:v>5.0999999999999997E-2</c:v>
                </c:pt>
                <c:pt idx="103">
                  <c:v>5.1499999999999997E-2</c:v>
                </c:pt>
                <c:pt idx="104">
                  <c:v>5.1999999999999998E-2</c:v>
                </c:pt>
                <c:pt idx="105">
                  <c:v>5.2499999999999998E-2</c:v>
                </c:pt>
                <c:pt idx="106">
                  <c:v>5.2999999999999999E-2</c:v>
                </c:pt>
                <c:pt idx="107">
                  <c:v>5.3499999999999999E-2</c:v>
                </c:pt>
                <c:pt idx="108">
                  <c:v>5.3999999999999999E-2</c:v>
                </c:pt>
                <c:pt idx="109">
                  <c:v>5.45E-2</c:v>
                </c:pt>
                <c:pt idx="110">
                  <c:v>5.5E-2</c:v>
                </c:pt>
                <c:pt idx="111">
                  <c:v>5.5500000000000001E-2</c:v>
                </c:pt>
                <c:pt idx="112">
                  <c:v>5.6000000000000001E-2</c:v>
                </c:pt>
                <c:pt idx="113">
                  <c:v>5.6500000000000002E-2</c:v>
                </c:pt>
                <c:pt idx="114">
                  <c:v>5.7000000000000002E-2</c:v>
                </c:pt>
                <c:pt idx="115">
                  <c:v>5.7500000000000002E-2</c:v>
                </c:pt>
                <c:pt idx="116">
                  <c:v>5.8000000000000003E-2</c:v>
                </c:pt>
                <c:pt idx="117">
                  <c:v>5.8500000000000003E-2</c:v>
                </c:pt>
                <c:pt idx="118">
                  <c:v>5.8999999999999997E-2</c:v>
                </c:pt>
                <c:pt idx="119">
                  <c:v>5.9499999999999997E-2</c:v>
                </c:pt>
                <c:pt idx="120">
                  <c:v>0.06</c:v>
                </c:pt>
                <c:pt idx="121">
                  <c:v>6.0499999999999998E-2</c:v>
                </c:pt>
                <c:pt idx="122">
                  <c:v>6.0999999999999999E-2</c:v>
                </c:pt>
                <c:pt idx="123">
                  <c:v>6.1499999999999999E-2</c:v>
                </c:pt>
                <c:pt idx="124">
                  <c:v>6.2E-2</c:v>
                </c:pt>
                <c:pt idx="125">
                  <c:v>6.25E-2</c:v>
                </c:pt>
                <c:pt idx="126">
                  <c:v>6.3E-2</c:v>
                </c:pt>
                <c:pt idx="127">
                  <c:v>6.3500000000000001E-2</c:v>
                </c:pt>
                <c:pt idx="128">
                  <c:v>6.4000000000000001E-2</c:v>
                </c:pt>
                <c:pt idx="129">
                  <c:v>6.4500000000000002E-2</c:v>
                </c:pt>
                <c:pt idx="130">
                  <c:v>6.5000000000000002E-2</c:v>
                </c:pt>
                <c:pt idx="131">
                  <c:v>6.5500000000000003E-2</c:v>
                </c:pt>
                <c:pt idx="132">
                  <c:v>6.6000000000000003E-2</c:v>
                </c:pt>
                <c:pt idx="133">
                  <c:v>6.6500000000000004E-2</c:v>
                </c:pt>
                <c:pt idx="134">
                  <c:v>6.7000000000000004E-2</c:v>
                </c:pt>
                <c:pt idx="135">
                  <c:v>6.7500000000000004E-2</c:v>
                </c:pt>
                <c:pt idx="136">
                  <c:v>6.8000000000000005E-2</c:v>
                </c:pt>
                <c:pt idx="137">
                  <c:v>6.8500000000000005E-2</c:v>
                </c:pt>
                <c:pt idx="138">
                  <c:v>6.9000000000000006E-2</c:v>
                </c:pt>
                <c:pt idx="139">
                  <c:v>6.9500000000000006E-2</c:v>
                </c:pt>
                <c:pt idx="140">
                  <c:v>7.0000000000000007E-2</c:v>
                </c:pt>
                <c:pt idx="141">
                  <c:v>7.0499999999999896E-2</c:v>
                </c:pt>
                <c:pt idx="142">
                  <c:v>7.0999999999999897E-2</c:v>
                </c:pt>
                <c:pt idx="143">
                  <c:v>7.1499999999999897E-2</c:v>
                </c:pt>
                <c:pt idx="144">
                  <c:v>7.1999999999999995E-2</c:v>
                </c:pt>
                <c:pt idx="145">
                  <c:v>7.2499999999999995E-2</c:v>
                </c:pt>
                <c:pt idx="146">
                  <c:v>7.2999999999999995E-2</c:v>
                </c:pt>
                <c:pt idx="147">
                  <c:v>7.3499999999999996E-2</c:v>
                </c:pt>
                <c:pt idx="148">
                  <c:v>7.3999999999999996E-2</c:v>
                </c:pt>
                <c:pt idx="149">
                  <c:v>7.4499999999999997E-2</c:v>
                </c:pt>
                <c:pt idx="150">
                  <c:v>7.4999999999999997E-2</c:v>
                </c:pt>
                <c:pt idx="151">
                  <c:v>7.5499999999999998E-2</c:v>
                </c:pt>
                <c:pt idx="152">
                  <c:v>7.5999999999999998E-2</c:v>
                </c:pt>
                <c:pt idx="153">
                  <c:v>7.6499999999999999E-2</c:v>
                </c:pt>
                <c:pt idx="154">
                  <c:v>7.6999999999999999E-2</c:v>
                </c:pt>
                <c:pt idx="155">
                  <c:v>7.7499999999999999E-2</c:v>
                </c:pt>
                <c:pt idx="156">
                  <c:v>7.8E-2</c:v>
                </c:pt>
                <c:pt idx="157">
                  <c:v>7.85E-2</c:v>
                </c:pt>
                <c:pt idx="158">
                  <c:v>7.9000000000000001E-2</c:v>
                </c:pt>
                <c:pt idx="159">
                  <c:v>7.9500000000000001E-2</c:v>
                </c:pt>
                <c:pt idx="160">
                  <c:v>0.08</c:v>
                </c:pt>
              </c:numCache>
            </c:numRef>
          </c:xVal>
          <c:yVal>
            <c:numRef>
              <c:f>'[852-DBRL102018D-G10X-Dev37-85-LIV-rev01.xls]plot-sheet'!$M$2:$M$162</c:f>
              <c:numCache>
                <c:formatCode>General</c:formatCode>
                <c:ptCount val="161"/>
                <c:pt idx="0">
                  <c:v>1.2102409999999999</c:v>
                </c:pt>
                <c:pt idx="1">
                  <c:v>1.3132170000000001</c:v>
                </c:pt>
                <c:pt idx="2">
                  <c:v>1.3535470000000001</c:v>
                </c:pt>
                <c:pt idx="3">
                  <c:v>1.3794120000000001</c:v>
                </c:pt>
                <c:pt idx="4">
                  <c:v>1.400941</c:v>
                </c:pt>
                <c:pt idx="5">
                  <c:v>1.4183380000000001</c:v>
                </c:pt>
                <c:pt idx="6">
                  <c:v>1.4336469999999999</c:v>
                </c:pt>
                <c:pt idx="7">
                  <c:v>1.445257</c:v>
                </c:pt>
                <c:pt idx="8">
                  <c:v>1.458961</c:v>
                </c:pt>
                <c:pt idx="9">
                  <c:v>1.4701010000000001</c:v>
                </c:pt>
                <c:pt idx="10">
                  <c:v>1.4812419999999999</c:v>
                </c:pt>
                <c:pt idx="11">
                  <c:v>1.4914769999999999</c:v>
                </c:pt>
                <c:pt idx="12">
                  <c:v>1.4997450000000001</c:v>
                </c:pt>
                <c:pt idx="13">
                  <c:v>1.5088200000000001</c:v>
                </c:pt>
                <c:pt idx="14">
                  <c:v>1.517385</c:v>
                </c:pt>
                <c:pt idx="15">
                  <c:v>1.525914</c:v>
                </c:pt>
                <c:pt idx="16">
                  <c:v>1.5341819999999999</c:v>
                </c:pt>
                <c:pt idx="17">
                  <c:v>1.5416460000000001</c:v>
                </c:pt>
                <c:pt idx="18">
                  <c:v>1.5479670000000001</c:v>
                </c:pt>
                <c:pt idx="19">
                  <c:v>1.555822</c:v>
                </c:pt>
                <c:pt idx="20">
                  <c:v>1.562692</c:v>
                </c:pt>
                <c:pt idx="21">
                  <c:v>1.569788</c:v>
                </c:pt>
                <c:pt idx="22">
                  <c:v>1.5764309999999999</c:v>
                </c:pt>
                <c:pt idx="23">
                  <c:v>1.583215</c:v>
                </c:pt>
                <c:pt idx="24">
                  <c:v>1.588527</c:v>
                </c:pt>
                <c:pt idx="25">
                  <c:v>1.5951299999999999</c:v>
                </c:pt>
                <c:pt idx="26">
                  <c:v>1.6016410000000001</c:v>
                </c:pt>
                <c:pt idx="27">
                  <c:v>1.6081080000000001</c:v>
                </c:pt>
                <c:pt idx="28">
                  <c:v>1.6140669999999999</c:v>
                </c:pt>
                <c:pt idx="29">
                  <c:v>1.6191180000000001</c:v>
                </c:pt>
                <c:pt idx="30">
                  <c:v>1.625602</c:v>
                </c:pt>
                <c:pt idx="31">
                  <c:v>1.6313709999999999</c:v>
                </c:pt>
                <c:pt idx="32">
                  <c:v>1.6375980000000001</c:v>
                </c:pt>
                <c:pt idx="33">
                  <c:v>1.6435630000000001</c:v>
                </c:pt>
                <c:pt idx="34">
                  <c:v>1.649189</c:v>
                </c:pt>
                <c:pt idx="35">
                  <c:v>1.653421</c:v>
                </c:pt>
                <c:pt idx="36">
                  <c:v>1.6586749999999999</c:v>
                </c:pt>
                <c:pt idx="37">
                  <c:v>1.663824</c:v>
                </c:pt>
                <c:pt idx="38">
                  <c:v>1.6684829999999999</c:v>
                </c:pt>
                <c:pt idx="39">
                  <c:v>1.672391</c:v>
                </c:pt>
                <c:pt idx="40">
                  <c:v>1.6762980000000001</c:v>
                </c:pt>
                <c:pt idx="41">
                  <c:v>1.6799090000000001</c:v>
                </c:pt>
                <c:pt idx="42">
                  <c:v>1.6838839999999999</c:v>
                </c:pt>
                <c:pt idx="43">
                  <c:v>1.6882900000000001</c:v>
                </c:pt>
                <c:pt idx="44">
                  <c:v>1.6927179999999999</c:v>
                </c:pt>
                <c:pt idx="45">
                  <c:v>1.6970190000000001</c:v>
                </c:pt>
                <c:pt idx="46">
                  <c:v>1.7004950000000001</c:v>
                </c:pt>
                <c:pt idx="47">
                  <c:v>1.7049559999999999</c:v>
                </c:pt>
                <c:pt idx="48">
                  <c:v>1.7095370000000001</c:v>
                </c:pt>
                <c:pt idx="49">
                  <c:v>1.714323</c:v>
                </c:pt>
                <c:pt idx="50">
                  <c:v>1.718466</c:v>
                </c:pt>
                <c:pt idx="51">
                  <c:v>1.7228239999999999</c:v>
                </c:pt>
                <c:pt idx="52">
                  <c:v>1.7267170000000001</c:v>
                </c:pt>
                <c:pt idx="53">
                  <c:v>1.7310460000000001</c:v>
                </c:pt>
                <c:pt idx="54">
                  <c:v>1.7356020000000001</c:v>
                </c:pt>
                <c:pt idx="55">
                  <c:v>1.739994</c:v>
                </c:pt>
                <c:pt idx="56">
                  <c:v>1.7443379999999999</c:v>
                </c:pt>
                <c:pt idx="57">
                  <c:v>1.7477</c:v>
                </c:pt>
                <c:pt idx="58">
                  <c:v>1.752146</c:v>
                </c:pt>
                <c:pt idx="59">
                  <c:v>1.7568919999999999</c:v>
                </c:pt>
                <c:pt idx="60">
                  <c:v>1.7617529999999999</c:v>
                </c:pt>
                <c:pt idx="61">
                  <c:v>1.7658149999999999</c:v>
                </c:pt>
                <c:pt idx="62">
                  <c:v>1.7697780000000001</c:v>
                </c:pt>
                <c:pt idx="63">
                  <c:v>1.7737510000000001</c:v>
                </c:pt>
                <c:pt idx="64">
                  <c:v>1.777963</c:v>
                </c:pt>
                <c:pt idx="65">
                  <c:v>1.782578</c:v>
                </c:pt>
                <c:pt idx="66">
                  <c:v>1.786748</c:v>
                </c:pt>
                <c:pt idx="67">
                  <c:v>1.79104</c:v>
                </c:pt>
                <c:pt idx="68">
                  <c:v>1.7949820000000001</c:v>
                </c:pt>
                <c:pt idx="69">
                  <c:v>1.7984849999999999</c:v>
                </c:pt>
                <c:pt idx="70">
                  <c:v>1.803026</c:v>
                </c:pt>
                <c:pt idx="71">
                  <c:v>1.807739</c:v>
                </c:pt>
                <c:pt idx="72">
                  <c:v>1.8120579999999999</c:v>
                </c:pt>
                <c:pt idx="73">
                  <c:v>1.8158589999999999</c:v>
                </c:pt>
                <c:pt idx="74">
                  <c:v>1.8194790000000001</c:v>
                </c:pt>
                <c:pt idx="75">
                  <c:v>1.8235220000000001</c:v>
                </c:pt>
                <c:pt idx="76">
                  <c:v>1.8280050000000001</c:v>
                </c:pt>
                <c:pt idx="77">
                  <c:v>1.8324780000000001</c:v>
                </c:pt>
                <c:pt idx="78">
                  <c:v>1.836595</c:v>
                </c:pt>
                <c:pt idx="79">
                  <c:v>1.8407290000000001</c:v>
                </c:pt>
                <c:pt idx="80">
                  <c:v>1.8439779999999999</c:v>
                </c:pt>
                <c:pt idx="81">
                  <c:v>1.8483670000000001</c:v>
                </c:pt>
                <c:pt idx="82">
                  <c:v>1.8527420000000001</c:v>
                </c:pt>
                <c:pt idx="83">
                  <c:v>1.8567800000000001</c:v>
                </c:pt>
                <c:pt idx="84">
                  <c:v>1.860976</c:v>
                </c:pt>
                <c:pt idx="85">
                  <c:v>1.8651949999999999</c:v>
                </c:pt>
                <c:pt idx="86">
                  <c:v>1.8686799999999999</c:v>
                </c:pt>
                <c:pt idx="87">
                  <c:v>1.872744</c:v>
                </c:pt>
                <c:pt idx="88">
                  <c:v>1.876908</c:v>
                </c:pt>
                <c:pt idx="89">
                  <c:v>1.8807400000000001</c:v>
                </c:pt>
                <c:pt idx="90">
                  <c:v>1.8847830000000001</c:v>
                </c:pt>
                <c:pt idx="91">
                  <c:v>1.8883209999999999</c:v>
                </c:pt>
                <c:pt idx="92">
                  <c:v>1.8924609999999999</c:v>
                </c:pt>
                <c:pt idx="93">
                  <c:v>1.8972340000000001</c:v>
                </c:pt>
                <c:pt idx="94">
                  <c:v>1.900828</c:v>
                </c:pt>
                <c:pt idx="95">
                  <c:v>1.9045069999999999</c:v>
                </c:pt>
                <c:pt idx="96">
                  <c:v>1.9081760000000001</c:v>
                </c:pt>
                <c:pt idx="97">
                  <c:v>1.911783</c:v>
                </c:pt>
                <c:pt idx="98">
                  <c:v>1.9167810000000001</c:v>
                </c:pt>
                <c:pt idx="99">
                  <c:v>1.9214329999999999</c:v>
                </c:pt>
                <c:pt idx="100">
                  <c:v>1.925691</c:v>
                </c:pt>
                <c:pt idx="101">
                  <c:v>1.9280870000000001</c:v>
                </c:pt>
                <c:pt idx="102">
                  <c:v>1.931505</c:v>
                </c:pt>
                <c:pt idx="103">
                  <c:v>1.9349989999999999</c:v>
                </c:pt>
                <c:pt idx="104">
                  <c:v>1.9401250000000001</c:v>
                </c:pt>
                <c:pt idx="105">
                  <c:v>1.944699</c:v>
                </c:pt>
                <c:pt idx="106">
                  <c:v>1.9477500000000001</c:v>
                </c:pt>
                <c:pt idx="107">
                  <c:v>1.951149</c:v>
                </c:pt>
                <c:pt idx="108">
                  <c:v>1.953778</c:v>
                </c:pt>
                <c:pt idx="109">
                  <c:v>1.958507</c:v>
                </c:pt>
                <c:pt idx="110">
                  <c:v>1.963209</c:v>
                </c:pt>
                <c:pt idx="111">
                  <c:v>1.968215</c:v>
                </c:pt>
                <c:pt idx="112">
                  <c:v>1.9707730000000001</c:v>
                </c:pt>
                <c:pt idx="113">
                  <c:v>1.973519</c:v>
                </c:pt>
                <c:pt idx="114">
                  <c:v>1.976448</c:v>
                </c:pt>
                <c:pt idx="115">
                  <c:v>1.98109</c:v>
                </c:pt>
                <c:pt idx="116">
                  <c:v>1.986494</c:v>
                </c:pt>
                <c:pt idx="117">
                  <c:v>1.990135</c:v>
                </c:pt>
                <c:pt idx="118">
                  <c:v>1.9930110000000001</c:v>
                </c:pt>
                <c:pt idx="119">
                  <c:v>1.9951190000000001</c:v>
                </c:pt>
                <c:pt idx="120">
                  <c:v>1.998861</c:v>
                </c:pt>
                <c:pt idx="121">
                  <c:v>2.0034239999999999</c:v>
                </c:pt>
                <c:pt idx="122">
                  <c:v>2.008343</c:v>
                </c:pt>
                <c:pt idx="123">
                  <c:v>2.0124569999999942</c:v>
                </c:pt>
                <c:pt idx="124">
                  <c:v>2.015077999999999</c:v>
                </c:pt>
                <c:pt idx="125">
                  <c:v>2.017275999999999</c:v>
                </c:pt>
                <c:pt idx="126">
                  <c:v>2.020899</c:v>
                </c:pt>
                <c:pt idx="127">
                  <c:v>2.0249389999999998</c:v>
                </c:pt>
                <c:pt idx="128">
                  <c:v>2.0295139999999998</c:v>
                </c:pt>
                <c:pt idx="129">
                  <c:v>2.0334560000000002</c:v>
                </c:pt>
                <c:pt idx="130">
                  <c:v>2.0371290000000002</c:v>
                </c:pt>
                <c:pt idx="131">
                  <c:v>2.0395690000000002</c:v>
                </c:pt>
                <c:pt idx="132">
                  <c:v>2.042838999999999</c:v>
                </c:pt>
                <c:pt idx="133">
                  <c:v>2.046853</c:v>
                </c:pt>
                <c:pt idx="134">
                  <c:v>2.0508130000000002</c:v>
                </c:pt>
                <c:pt idx="135">
                  <c:v>2.055196</c:v>
                </c:pt>
                <c:pt idx="136">
                  <c:v>2.0578460000000001</c:v>
                </c:pt>
                <c:pt idx="137">
                  <c:v>2.0616240000000001</c:v>
                </c:pt>
                <c:pt idx="138">
                  <c:v>2.0647359999999999</c:v>
                </c:pt>
                <c:pt idx="139">
                  <c:v>2.0681039999999999</c:v>
                </c:pt>
                <c:pt idx="140">
                  <c:v>2.0716670000000001</c:v>
                </c:pt>
                <c:pt idx="141">
                  <c:v>2.0761270000000001</c:v>
                </c:pt>
                <c:pt idx="142">
                  <c:v>2.0804239999999998</c:v>
                </c:pt>
                <c:pt idx="143">
                  <c:v>2.0839300000000001</c:v>
                </c:pt>
                <c:pt idx="144">
                  <c:v>2.0871960000000001</c:v>
                </c:pt>
                <c:pt idx="145">
                  <c:v>2.089458</c:v>
                </c:pt>
                <c:pt idx="146">
                  <c:v>2.093156</c:v>
                </c:pt>
                <c:pt idx="147">
                  <c:v>2.0978210000000002</c:v>
                </c:pt>
                <c:pt idx="148">
                  <c:v>2.102835999999999</c:v>
                </c:pt>
                <c:pt idx="149">
                  <c:v>2.1079979999999998</c:v>
                </c:pt>
                <c:pt idx="150">
                  <c:v>2.109545999999999</c:v>
                </c:pt>
                <c:pt idx="151">
                  <c:v>2.111564</c:v>
                </c:pt>
                <c:pt idx="152">
                  <c:v>2.1145640000000001</c:v>
                </c:pt>
                <c:pt idx="153">
                  <c:v>2.1189290000000001</c:v>
                </c:pt>
                <c:pt idx="154">
                  <c:v>2.1238800000000002</c:v>
                </c:pt>
                <c:pt idx="155">
                  <c:v>2.1286049999999999</c:v>
                </c:pt>
                <c:pt idx="156">
                  <c:v>2.1301700000000001</c:v>
                </c:pt>
                <c:pt idx="157">
                  <c:v>2.1317249999999999</c:v>
                </c:pt>
                <c:pt idx="158">
                  <c:v>2.1355940000000002</c:v>
                </c:pt>
                <c:pt idx="159">
                  <c:v>2.1411910000000001</c:v>
                </c:pt>
                <c:pt idx="160">
                  <c:v>2.1524610000000002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9-C35B-3E4A-BE9D-DDDA28AA4F89}"/>
            </c:ext>
          </c:extLst>
        </c:ser>
        <c:ser>
          <c:idx val="9"/>
          <c:order val="9"/>
          <c:tx>
            <c:strRef>
              <c:f>'[852-DBRL102018D-G10X-Dev37-85-LIV-rev01.xls]plot-sheet'!$N$1</c:f>
              <c:strCache>
                <c:ptCount val="1"/>
                <c:pt idx="0">
                  <c:v>50°C</c:v>
                </c:pt>
              </c:strCache>
            </c:strRef>
          </c:tx>
          <c:spPr>
            <a:ln>
              <a:solidFill>
                <a:srgbClr val="92D050"/>
              </a:solidFill>
            </a:ln>
          </c:spPr>
          <c:marker>
            <c:symbol val="none"/>
          </c:marker>
          <c:xVal>
            <c:numRef>
              <c:f>'[852-DBRL102018D-G10X-Dev37-85-LIV-rev01.xls]plot-sheet'!$J$2:$J$162</c:f>
              <c:numCache>
                <c:formatCode>General</c:formatCode>
                <c:ptCount val="161"/>
                <c:pt idx="0">
                  <c:v>0</c:v>
                </c:pt>
                <c:pt idx="1">
                  <c:v>5.0000000000000001E-4</c:v>
                </c:pt>
                <c:pt idx="2">
                  <c:v>1E-3</c:v>
                </c:pt>
                <c:pt idx="3">
                  <c:v>1.5E-3</c:v>
                </c:pt>
                <c:pt idx="4">
                  <c:v>2E-3</c:v>
                </c:pt>
                <c:pt idx="5">
                  <c:v>2.5000000000000001E-3</c:v>
                </c:pt>
                <c:pt idx="6">
                  <c:v>3.0000000000000001E-3</c:v>
                </c:pt>
                <c:pt idx="7">
                  <c:v>3.5000000000000001E-3</c:v>
                </c:pt>
                <c:pt idx="8">
                  <c:v>4.0000000000000001E-3</c:v>
                </c:pt>
                <c:pt idx="9">
                  <c:v>4.4999999999999997E-3</c:v>
                </c:pt>
                <c:pt idx="10">
                  <c:v>5.0000000000000001E-3</c:v>
                </c:pt>
                <c:pt idx="11">
                  <c:v>5.4999999999999997E-3</c:v>
                </c:pt>
                <c:pt idx="12">
                  <c:v>6.0000000000000001E-3</c:v>
                </c:pt>
                <c:pt idx="13">
                  <c:v>6.4999999999999997E-3</c:v>
                </c:pt>
                <c:pt idx="14">
                  <c:v>7.0000000000000001E-3</c:v>
                </c:pt>
                <c:pt idx="15">
                  <c:v>7.4999999999999997E-3</c:v>
                </c:pt>
                <c:pt idx="16">
                  <c:v>8.0000000000000002E-3</c:v>
                </c:pt>
                <c:pt idx="17">
                  <c:v>8.5000000000000006E-3</c:v>
                </c:pt>
                <c:pt idx="18">
                  <c:v>8.9999999999999906E-3</c:v>
                </c:pt>
                <c:pt idx="19">
                  <c:v>9.4999999999999998E-3</c:v>
                </c:pt>
                <c:pt idx="20">
                  <c:v>0.01</c:v>
                </c:pt>
                <c:pt idx="21">
                  <c:v>1.0500000000000001E-2</c:v>
                </c:pt>
                <c:pt idx="22">
                  <c:v>1.0999999999999999E-2</c:v>
                </c:pt>
                <c:pt idx="23">
                  <c:v>1.15E-2</c:v>
                </c:pt>
                <c:pt idx="24">
                  <c:v>1.2E-2</c:v>
                </c:pt>
                <c:pt idx="25">
                  <c:v>1.2500000000000001E-2</c:v>
                </c:pt>
                <c:pt idx="26">
                  <c:v>1.2999999999999999E-2</c:v>
                </c:pt>
                <c:pt idx="27">
                  <c:v>1.35E-2</c:v>
                </c:pt>
                <c:pt idx="28">
                  <c:v>1.4E-2</c:v>
                </c:pt>
                <c:pt idx="29">
                  <c:v>1.4500000000000001E-2</c:v>
                </c:pt>
                <c:pt idx="30">
                  <c:v>1.4999999999999999E-2</c:v>
                </c:pt>
                <c:pt idx="31">
                  <c:v>1.55E-2</c:v>
                </c:pt>
                <c:pt idx="32">
                  <c:v>1.6E-2</c:v>
                </c:pt>
                <c:pt idx="33">
                  <c:v>1.6500000000000001E-2</c:v>
                </c:pt>
                <c:pt idx="34">
                  <c:v>1.7000000000000001E-2</c:v>
                </c:pt>
                <c:pt idx="35">
                  <c:v>1.7500000000000002E-2</c:v>
                </c:pt>
                <c:pt idx="36">
                  <c:v>1.7999999999999999E-2</c:v>
                </c:pt>
                <c:pt idx="37">
                  <c:v>1.8499999999999999E-2</c:v>
                </c:pt>
                <c:pt idx="38">
                  <c:v>1.9E-2</c:v>
                </c:pt>
                <c:pt idx="39">
                  <c:v>1.95E-2</c:v>
                </c:pt>
                <c:pt idx="40">
                  <c:v>0.02</c:v>
                </c:pt>
                <c:pt idx="41">
                  <c:v>2.0500000000000001E-2</c:v>
                </c:pt>
                <c:pt idx="42">
                  <c:v>2.1000000000000001E-2</c:v>
                </c:pt>
                <c:pt idx="43">
                  <c:v>2.1499999999999998E-2</c:v>
                </c:pt>
                <c:pt idx="44">
                  <c:v>2.1999999999999999E-2</c:v>
                </c:pt>
                <c:pt idx="45">
                  <c:v>2.2499999999999999E-2</c:v>
                </c:pt>
                <c:pt idx="46">
                  <c:v>2.3E-2</c:v>
                </c:pt>
                <c:pt idx="47">
                  <c:v>2.35E-2</c:v>
                </c:pt>
                <c:pt idx="48">
                  <c:v>2.4E-2</c:v>
                </c:pt>
                <c:pt idx="49">
                  <c:v>2.4500000000000001E-2</c:v>
                </c:pt>
                <c:pt idx="50">
                  <c:v>2.5000000000000001E-2</c:v>
                </c:pt>
                <c:pt idx="51">
                  <c:v>2.5499999999999998E-2</c:v>
                </c:pt>
                <c:pt idx="52">
                  <c:v>2.5999999999999999E-2</c:v>
                </c:pt>
                <c:pt idx="53">
                  <c:v>2.6499999999999999E-2</c:v>
                </c:pt>
                <c:pt idx="54">
                  <c:v>2.7E-2</c:v>
                </c:pt>
                <c:pt idx="55">
                  <c:v>2.75E-2</c:v>
                </c:pt>
                <c:pt idx="56">
                  <c:v>2.8000000000000001E-2</c:v>
                </c:pt>
                <c:pt idx="57">
                  <c:v>2.8500000000000001E-2</c:v>
                </c:pt>
                <c:pt idx="58">
                  <c:v>2.9000000000000001E-2</c:v>
                </c:pt>
                <c:pt idx="59">
                  <c:v>2.9499999999999998E-2</c:v>
                </c:pt>
                <c:pt idx="60">
                  <c:v>0.03</c:v>
                </c:pt>
                <c:pt idx="61">
                  <c:v>3.0499999999999999E-2</c:v>
                </c:pt>
                <c:pt idx="62">
                  <c:v>3.1E-2</c:v>
                </c:pt>
                <c:pt idx="63">
                  <c:v>3.15E-2</c:v>
                </c:pt>
                <c:pt idx="64">
                  <c:v>3.2000000000000001E-2</c:v>
                </c:pt>
                <c:pt idx="65">
                  <c:v>3.2500000000000001E-2</c:v>
                </c:pt>
                <c:pt idx="66">
                  <c:v>3.3000000000000002E-2</c:v>
                </c:pt>
                <c:pt idx="67">
                  <c:v>3.3500000000000002E-2</c:v>
                </c:pt>
                <c:pt idx="68">
                  <c:v>3.4000000000000002E-2</c:v>
                </c:pt>
                <c:pt idx="69">
                  <c:v>3.4500000000000003E-2</c:v>
                </c:pt>
                <c:pt idx="70">
                  <c:v>3.5000000000000003E-2</c:v>
                </c:pt>
                <c:pt idx="71">
                  <c:v>3.5499999999999997E-2</c:v>
                </c:pt>
                <c:pt idx="72">
                  <c:v>3.5999999999999997E-2</c:v>
                </c:pt>
                <c:pt idx="73">
                  <c:v>3.6499999999999998E-2</c:v>
                </c:pt>
                <c:pt idx="74">
                  <c:v>3.6999999999999998E-2</c:v>
                </c:pt>
                <c:pt idx="75">
                  <c:v>3.7499999999999999E-2</c:v>
                </c:pt>
                <c:pt idx="76">
                  <c:v>3.7999999999999999E-2</c:v>
                </c:pt>
                <c:pt idx="77">
                  <c:v>3.85E-2</c:v>
                </c:pt>
                <c:pt idx="78">
                  <c:v>3.9E-2</c:v>
                </c:pt>
                <c:pt idx="79">
                  <c:v>3.95E-2</c:v>
                </c:pt>
                <c:pt idx="80">
                  <c:v>0.04</c:v>
                </c:pt>
                <c:pt idx="81">
                  <c:v>4.0500000000000001E-2</c:v>
                </c:pt>
                <c:pt idx="82">
                  <c:v>4.1000000000000002E-2</c:v>
                </c:pt>
                <c:pt idx="83">
                  <c:v>4.1500000000000002E-2</c:v>
                </c:pt>
                <c:pt idx="84">
                  <c:v>4.2000000000000003E-2</c:v>
                </c:pt>
                <c:pt idx="85">
                  <c:v>4.2500000000000003E-2</c:v>
                </c:pt>
                <c:pt idx="86">
                  <c:v>4.2999999999999997E-2</c:v>
                </c:pt>
                <c:pt idx="87">
                  <c:v>4.3499999999999997E-2</c:v>
                </c:pt>
                <c:pt idx="88">
                  <c:v>4.3999999999999997E-2</c:v>
                </c:pt>
                <c:pt idx="89">
                  <c:v>4.4499999999999998E-2</c:v>
                </c:pt>
                <c:pt idx="90">
                  <c:v>4.4999999999999998E-2</c:v>
                </c:pt>
                <c:pt idx="91">
                  <c:v>4.5499999999999999E-2</c:v>
                </c:pt>
                <c:pt idx="92">
                  <c:v>4.5999999999999999E-2</c:v>
                </c:pt>
                <c:pt idx="93">
                  <c:v>4.65E-2</c:v>
                </c:pt>
                <c:pt idx="94">
                  <c:v>4.7E-2</c:v>
                </c:pt>
                <c:pt idx="95">
                  <c:v>4.7500000000000001E-2</c:v>
                </c:pt>
                <c:pt idx="96">
                  <c:v>4.8000000000000001E-2</c:v>
                </c:pt>
                <c:pt idx="97">
                  <c:v>4.8500000000000001E-2</c:v>
                </c:pt>
                <c:pt idx="98">
                  <c:v>4.9000000000000002E-2</c:v>
                </c:pt>
                <c:pt idx="99">
                  <c:v>4.9500000000000002E-2</c:v>
                </c:pt>
                <c:pt idx="100">
                  <c:v>0.05</c:v>
                </c:pt>
                <c:pt idx="101">
                  <c:v>5.0500000000000003E-2</c:v>
                </c:pt>
                <c:pt idx="102">
                  <c:v>5.0999999999999997E-2</c:v>
                </c:pt>
                <c:pt idx="103">
                  <c:v>5.1499999999999997E-2</c:v>
                </c:pt>
                <c:pt idx="104">
                  <c:v>5.1999999999999998E-2</c:v>
                </c:pt>
                <c:pt idx="105">
                  <c:v>5.2499999999999998E-2</c:v>
                </c:pt>
                <c:pt idx="106">
                  <c:v>5.2999999999999999E-2</c:v>
                </c:pt>
                <c:pt idx="107">
                  <c:v>5.3499999999999999E-2</c:v>
                </c:pt>
                <c:pt idx="108">
                  <c:v>5.3999999999999999E-2</c:v>
                </c:pt>
                <c:pt idx="109">
                  <c:v>5.45E-2</c:v>
                </c:pt>
                <c:pt idx="110">
                  <c:v>5.5E-2</c:v>
                </c:pt>
                <c:pt idx="111">
                  <c:v>5.5500000000000001E-2</c:v>
                </c:pt>
                <c:pt idx="112">
                  <c:v>5.6000000000000001E-2</c:v>
                </c:pt>
                <c:pt idx="113">
                  <c:v>5.6500000000000002E-2</c:v>
                </c:pt>
                <c:pt idx="114">
                  <c:v>5.7000000000000002E-2</c:v>
                </c:pt>
                <c:pt idx="115">
                  <c:v>5.7500000000000002E-2</c:v>
                </c:pt>
                <c:pt idx="116">
                  <c:v>5.8000000000000003E-2</c:v>
                </c:pt>
                <c:pt idx="117">
                  <c:v>5.8500000000000003E-2</c:v>
                </c:pt>
                <c:pt idx="118">
                  <c:v>5.8999999999999997E-2</c:v>
                </c:pt>
                <c:pt idx="119">
                  <c:v>5.9499999999999997E-2</c:v>
                </c:pt>
                <c:pt idx="120">
                  <c:v>0.06</c:v>
                </c:pt>
                <c:pt idx="121">
                  <c:v>6.0499999999999998E-2</c:v>
                </c:pt>
                <c:pt idx="122">
                  <c:v>6.0999999999999999E-2</c:v>
                </c:pt>
                <c:pt idx="123">
                  <c:v>6.1499999999999999E-2</c:v>
                </c:pt>
                <c:pt idx="124">
                  <c:v>6.2E-2</c:v>
                </c:pt>
                <c:pt idx="125">
                  <c:v>6.25E-2</c:v>
                </c:pt>
                <c:pt idx="126">
                  <c:v>6.3E-2</c:v>
                </c:pt>
                <c:pt idx="127">
                  <c:v>6.3500000000000001E-2</c:v>
                </c:pt>
                <c:pt idx="128">
                  <c:v>6.4000000000000001E-2</c:v>
                </c:pt>
                <c:pt idx="129">
                  <c:v>6.4500000000000002E-2</c:v>
                </c:pt>
                <c:pt idx="130">
                  <c:v>6.5000000000000002E-2</c:v>
                </c:pt>
                <c:pt idx="131">
                  <c:v>6.5500000000000003E-2</c:v>
                </c:pt>
                <c:pt idx="132">
                  <c:v>6.6000000000000003E-2</c:v>
                </c:pt>
                <c:pt idx="133">
                  <c:v>6.6500000000000004E-2</c:v>
                </c:pt>
                <c:pt idx="134">
                  <c:v>6.7000000000000004E-2</c:v>
                </c:pt>
                <c:pt idx="135">
                  <c:v>6.7500000000000004E-2</c:v>
                </c:pt>
                <c:pt idx="136">
                  <c:v>6.8000000000000005E-2</c:v>
                </c:pt>
                <c:pt idx="137">
                  <c:v>6.8500000000000005E-2</c:v>
                </c:pt>
                <c:pt idx="138">
                  <c:v>6.9000000000000006E-2</c:v>
                </c:pt>
                <c:pt idx="139">
                  <c:v>6.9500000000000006E-2</c:v>
                </c:pt>
                <c:pt idx="140">
                  <c:v>7.0000000000000007E-2</c:v>
                </c:pt>
                <c:pt idx="141">
                  <c:v>7.0499999999999896E-2</c:v>
                </c:pt>
                <c:pt idx="142">
                  <c:v>7.0999999999999897E-2</c:v>
                </c:pt>
                <c:pt idx="143">
                  <c:v>7.1499999999999897E-2</c:v>
                </c:pt>
                <c:pt idx="144">
                  <c:v>7.1999999999999995E-2</c:v>
                </c:pt>
                <c:pt idx="145">
                  <c:v>7.2499999999999995E-2</c:v>
                </c:pt>
                <c:pt idx="146">
                  <c:v>7.2999999999999995E-2</c:v>
                </c:pt>
                <c:pt idx="147">
                  <c:v>7.3499999999999996E-2</c:v>
                </c:pt>
                <c:pt idx="148">
                  <c:v>7.3999999999999996E-2</c:v>
                </c:pt>
                <c:pt idx="149">
                  <c:v>7.4499999999999997E-2</c:v>
                </c:pt>
                <c:pt idx="150">
                  <c:v>7.4999999999999997E-2</c:v>
                </c:pt>
                <c:pt idx="151">
                  <c:v>7.5499999999999998E-2</c:v>
                </c:pt>
                <c:pt idx="152">
                  <c:v>7.5999999999999998E-2</c:v>
                </c:pt>
                <c:pt idx="153">
                  <c:v>7.6499999999999999E-2</c:v>
                </c:pt>
                <c:pt idx="154">
                  <c:v>7.6999999999999999E-2</c:v>
                </c:pt>
                <c:pt idx="155">
                  <c:v>7.7499999999999999E-2</c:v>
                </c:pt>
                <c:pt idx="156">
                  <c:v>7.8E-2</c:v>
                </c:pt>
                <c:pt idx="157">
                  <c:v>7.85E-2</c:v>
                </c:pt>
                <c:pt idx="158">
                  <c:v>7.9000000000000001E-2</c:v>
                </c:pt>
                <c:pt idx="159">
                  <c:v>7.9500000000000001E-2</c:v>
                </c:pt>
                <c:pt idx="160">
                  <c:v>0.08</c:v>
                </c:pt>
              </c:numCache>
            </c:numRef>
          </c:xVal>
          <c:yVal>
            <c:numRef>
              <c:f>'[852-DBRL102018D-G10X-Dev37-85-LIV-rev01.xls]plot-sheet'!$N$2:$N$162</c:f>
              <c:numCache>
                <c:formatCode>General</c:formatCode>
                <c:ptCount val="161"/>
                <c:pt idx="0">
                  <c:v>1.1967479999999999</c:v>
                </c:pt>
                <c:pt idx="1">
                  <c:v>1.30158</c:v>
                </c:pt>
                <c:pt idx="2">
                  <c:v>1.344481</c:v>
                </c:pt>
                <c:pt idx="3">
                  <c:v>1.370879</c:v>
                </c:pt>
                <c:pt idx="4">
                  <c:v>1.3926130000000001</c:v>
                </c:pt>
                <c:pt idx="5">
                  <c:v>1.410898</c:v>
                </c:pt>
                <c:pt idx="6">
                  <c:v>1.42631</c:v>
                </c:pt>
                <c:pt idx="7">
                  <c:v>1.438313</c:v>
                </c:pt>
                <c:pt idx="8">
                  <c:v>1.4527330000000001</c:v>
                </c:pt>
                <c:pt idx="9">
                  <c:v>1.46438</c:v>
                </c:pt>
                <c:pt idx="10">
                  <c:v>1.475951</c:v>
                </c:pt>
                <c:pt idx="11">
                  <c:v>1.486594</c:v>
                </c:pt>
                <c:pt idx="12">
                  <c:v>1.495045</c:v>
                </c:pt>
                <c:pt idx="13">
                  <c:v>1.5046310000000001</c:v>
                </c:pt>
                <c:pt idx="14">
                  <c:v>1.513768</c:v>
                </c:pt>
                <c:pt idx="15">
                  <c:v>1.5228200000000001</c:v>
                </c:pt>
                <c:pt idx="16">
                  <c:v>1.5313190000000001</c:v>
                </c:pt>
                <c:pt idx="17">
                  <c:v>1.5391969999999999</c:v>
                </c:pt>
                <c:pt idx="18">
                  <c:v>1.5456529999999999</c:v>
                </c:pt>
                <c:pt idx="19">
                  <c:v>1.554298</c:v>
                </c:pt>
                <c:pt idx="20">
                  <c:v>1.561742</c:v>
                </c:pt>
                <c:pt idx="21">
                  <c:v>1.569329</c:v>
                </c:pt>
                <c:pt idx="22">
                  <c:v>1.575966</c:v>
                </c:pt>
                <c:pt idx="23">
                  <c:v>1.5827370000000001</c:v>
                </c:pt>
                <c:pt idx="24">
                  <c:v>1.588306</c:v>
                </c:pt>
                <c:pt idx="25">
                  <c:v>1.595863</c:v>
                </c:pt>
                <c:pt idx="26">
                  <c:v>1.6046530000000001</c:v>
                </c:pt>
                <c:pt idx="27">
                  <c:v>1.6113759999999999</c:v>
                </c:pt>
                <c:pt idx="28">
                  <c:v>1.616444</c:v>
                </c:pt>
                <c:pt idx="29">
                  <c:v>1.621437</c:v>
                </c:pt>
                <c:pt idx="30">
                  <c:v>1.6279969999999999</c:v>
                </c:pt>
                <c:pt idx="31">
                  <c:v>1.6346970000000001</c:v>
                </c:pt>
                <c:pt idx="32">
                  <c:v>1.641575</c:v>
                </c:pt>
                <c:pt idx="33">
                  <c:v>1.6473519999999999</c:v>
                </c:pt>
                <c:pt idx="34">
                  <c:v>1.6532770000000001</c:v>
                </c:pt>
                <c:pt idx="35">
                  <c:v>1.6582680000000001</c:v>
                </c:pt>
                <c:pt idx="36">
                  <c:v>1.6644319999999999</c:v>
                </c:pt>
                <c:pt idx="37">
                  <c:v>1.6704460000000001</c:v>
                </c:pt>
                <c:pt idx="38">
                  <c:v>1.676366</c:v>
                </c:pt>
                <c:pt idx="39">
                  <c:v>1.681562</c:v>
                </c:pt>
                <c:pt idx="40">
                  <c:v>1.6870909999999999</c:v>
                </c:pt>
                <c:pt idx="41">
                  <c:v>1.691524</c:v>
                </c:pt>
                <c:pt idx="42">
                  <c:v>1.6962010000000001</c:v>
                </c:pt>
                <c:pt idx="43">
                  <c:v>1.700833</c:v>
                </c:pt>
                <c:pt idx="44">
                  <c:v>1.7026220000000001</c:v>
                </c:pt>
                <c:pt idx="45">
                  <c:v>1.7065360000000001</c:v>
                </c:pt>
                <c:pt idx="46">
                  <c:v>1.7097519999999999</c:v>
                </c:pt>
                <c:pt idx="47">
                  <c:v>1.715438</c:v>
                </c:pt>
                <c:pt idx="48">
                  <c:v>1.7212080000000001</c:v>
                </c:pt>
                <c:pt idx="49">
                  <c:v>1.725563</c:v>
                </c:pt>
                <c:pt idx="50">
                  <c:v>1.7286440000000001</c:v>
                </c:pt>
                <c:pt idx="51">
                  <c:v>1.732583</c:v>
                </c:pt>
                <c:pt idx="52">
                  <c:v>1.7372639999999999</c:v>
                </c:pt>
                <c:pt idx="53">
                  <c:v>1.7423070000000001</c:v>
                </c:pt>
                <c:pt idx="54">
                  <c:v>1.7486489999999999</c:v>
                </c:pt>
                <c:pt idx="55">
                  <c:v>1.751933</c:v>
                </c:pt>
                <c:pt idx="56">
                  <c:v>1.7554419999999999</c:v>
                </c:pt>
                <c:pt idx="57">
                  <c:v>1.7592080000000001</c:v>
                </c:pt>
                <c:pt idx="58">
                  <c:v>1.7648729999999999</c:v>
                </c:pt>
                <c:pt idx="59">
                  <c:v>1.771058</c:v>
                </c:pt>
                <c:pt idx="60">
                  <c:v>1.77484</c:v>
                </c:pt>
                <c:pt idx="61">
                  <c:v>1.778233</c:v>
                </c:pt>
                <c:pt idx="62">
                  <c:v>1.7815909999999999</c:v>
                </c:pt>
                <c:pt idx="63">
                  <c:v>1.7861260000000001</c:v>
                </c:pt>
                <c:pt idx="64">
                  <c:v>1.791744</c:v>
                </c:pt>
                <c:pt idx="65">
                  <c:v>1.7979369999999999</c:v>
                </c:pt>
                <c:pt idx="66">
                  <c:v>1.8012710000000001</c:v>
                </c:pt>
                <c:pt idx="67">
                  <c:v>1.804236</c:v>
                </c:pt>
                <c:pt idx="68">
                  <c:v>1.8079890000000001</c:v>
                </c:pt>
                <c:pt idx="69">
                  <c:v>1.81162</c:v>
                </c:pt>
                <c:pt idx="70">
                  <c:v>1.8181339999999999</c:v>
                </c:pt>
                <c:pt idx="71">
                  <c:v>1.823029</c:v>
                </c:pt>
                <c:pt idx="72">
                  <c:v>1.826093</c:v>
                </c:pt>
                <c:pt idx="73">
                  <c:v>1.829361</c:v>
                </c:pt>
                <c:pt idx="74">
                  <c:v>1.832646</c:v>
                </c:pt>
                <c:pt idx="75">
                  <c:v>1.8373550000000001</c:v>
                </c:pt>
                <c:pt idx="76">
                  <c:v>1.8430439999999999</c:v>
                </c:pt>
                <c:pt idx="77">
                  <c:v>1.8474489999999999</c:v>
                </c:pt>
                <c:pt idx="78">
                  <c:v>1.85087</c:v>
                </c:pt>
                <c:pt idx="79">
                  <c:v>1.853988</c:v>
                </c:pt>
                <c:pt idx="80">
                  <c:v>1.8576630000000001</c:v>
                </c:pt>
                <c:pt idx="81">
                  <c:v>1.862185</c:v>
                </c:pt>
                <c:pt idx="82">
                  <c:v>1.866682</c:v>
                </c:pt>
                <c:pt idx="83">
                  <c:v>1.869864</c:v>
                </c:pt>
                <c:pt idx="84">
                  <c:v>1.873796</c:v>
                </c:pt>
                <c:pt idx="85">
                  <c:v>1.878501</c:v>
                </c:pt>
                <c:pt idx="86">
                  <c:v>1.8823449999999999</c:v>
                </c:pt>
                <c:pt idx="87">
                  <c:v>1.8871469999999999</c:v>
                </c:pt>
                <c:pt idx="88">
                  <c:v>1.8893089999999999</c:v>
                </c:pt>
                <c:pt idx="89">
                  <c:v>1.8927719999999999</c:v>
                </c:pt>
                <c:pt idx="90">
                  <c:v>1.8967179999999999</c:v>
                </c:pt>
                <c:pt idx="91">
                  <c:v>1.9021840000000001</c:v>
                </c:pt>
                <c:pt idx="92">
                  <c:v>1.9076679999999999</c:v>
                </c:pt>
                <c:pt idx="93">
                  <c:v>1.910879</c:v>
                </c:pt>
                <c:pt idx="94">
                  <c:v>1.912107</c:v>
                </c:pt>
                <c:pt idx="95">
                  <c:v>1.9138500000000001</c:v>
                </c:pt>
                <c:pt idx="96">
                  <c:v>1.9186319999999999</c:v>
                </c:pt>
                <c:pt idx="97">
                  <c:v>1.9229099999999999</c:v>
                </c:pt>
                <c:pt idx="98">
                  <c:v>1.9287369999999999</c:v>
                </c:pt>
                <c:pt idx="99">
                  <c:v>1.9306970000000001</c:v>
                </c:pt>
                <c:pt idx="100">
                  <c:v>1.9329019999999999</c:v>
                </c:pt>
                <c:pt idx="101">
                  <c:v>1.9356549999999999</c:v>
                </c:pt>
                <c:pt idx="102">
                  <c:v>1.940051</c:v>
                </c:pt>
                <c:pt idx="103">
                  <c:v>1.9455800000000001</c:v>
                </c:pt>
                <c:pt idx="104">
                  <c:v>1.948599</c:v>
                </c:pt>
                <c:pt idx="105">
                  <c:v>1.9505889999999999</c:v>
                </c:pt>
                <c:pt idx="106">
                  <c:v>1.9522459999999999</c:v>
                </c:pt>
                <c:pt idx="107">
                  <c:v>1.955846</c:v>
                </c:pt>
                <c:pt idx="108">
                  <c:v>1.9602349999999999</c:v>
                </c:pt>
                <c:pt idx="109">
                  <c:v>1.9675370000000001</c:v>
                </c:pt>
                <c:pt idx="110">
                  <c:v>1.9704459999999999</c:v>
                </c:pt>
                <c:pt idx="111">
                  <c:v>1.9711430000000001</c:v>
                </c:pt>
                <c:pt idx="112">
                  <c:v>1.973857</c:v>
                </c:pt>
                <c:pt idx="113">
                  <c:v>1.977393</c:v>
                </c:pt>
                <c:pt idx="114">
                  <c:v>1.9822059999999999</c:v>
                </c:pt>
                <c:pt idx="115">
                  <c:v>1.9868859999999999</c:v>
                </c:pt>
                <c:pt idx="116">
                  <c:v>1.9896469999999999</c:v>
                </c:pt>
                <c:pt idx="117">
                  <c:v>1.9919640000000001</c:v>
                </c:pt>
                <c:pt idx="118">
                  <c:v>1.9952909999999999</c:v>
                </c:pt>
                <c:pt idx="119">
                  <c:v>1.9985919999999999</c:v>
                </c:pt>
                <c:pt idx="120">
                  <c:v>2.002894</c:v>
                </c:pt>
                <c:pt idx="121">
                  <c:v>2.0068700000000002</c:v>
                </c:pt>
                <c:pt idx="122">
                  <c:v>2.010227</c:v>
                </c:pt>
                <c:pt idx="123">
                  <c:v>2.013075999999999</c:v>
                </c:pt>
                <c:pt idx="124">
                  <c:v>2.016789999999999</c:v>
                </c:pt>
                <c:pt idx="125">
                  <c:v>2.0201660000000001</c:v>
                </c:pt>
                <c:pt idx="126">
                  <c:v>2.0242230000000001</c:v>
                </c:pt>
                <c:pt idx="127">
                  <c:v>2.0273680000000001</c:v>
                </c:pt>
                <c:pt idx="128">
                  <c:v>2.0310640000000002</c:v>
                </c:pt>
                <c:pt idx="129">
                  <c:v>2.034824</c:v>
                </c:pt>
                <c:pt idx="130">
                  <c:v>2.038562999999999</c:v>
                </c:pt>
                <c:pt idx="131">
                  <c:v>2.0419399999999999</c:v>
                </c:pt>
                <c:pt idx="132">
                  <c:v>2.0443829999999998</c:v>
                </c:pt>
                <c:pt idx="133">
                  <c:v>2.0480200000000002</c:v>
                </c:pt>
                <c:pt idx="134">
                  <c:v>2.051925999999999</c:v>
                </c:pt>
                <c:pt idx="135">
                  <c:v>2.0574560000000002</c:v>
                </c:pt>
                <c:pt idx="136">
                  <c:v>2.0612219999999999</c:v>
                </c:pt>
                <c:pt idx="137">
                  <c:v>2.0637409999999998</c:v>
                </c:pt>
                <c:pt idx="138">
                  <c:v>2.0658240000000001</c:v>
                </c:pt>
                <c:pt idx="139">
                  <c:v>2.0694439999999981</c:v>
                </c:pt>
                <c:pt idx="140">
                  <c:v>2.0743360000000002</c:v>
                </c:pt>
                <c:pt idx="141">
                  <c:v>2.080268999999999</c:v>
                </c:pt>
                <c:pt idx="142">
                  <c:v>2.087402</c:v>
                </c:pt>
                <c:pt idx="143">
                  <c:v>2.0870959999999998</c:v>
                </c:pt>
                <c:pt idx="144">
                  <c:v>2.0876039999999998</c:v>
                </c:pt>
                <c:pt idx="145">
                  <c:v>2.090418999999998</c:v>
                </c:pt>
                <c:pt idx="146">
                  <c:v>2.095044999999998</c:v>
                </c:pt>
                <c:pt idx="147">
                  <c:v>2.1026950000000002</c:v>
                </c:pt>
                <c:pt idx="148">
                  <c:v>2.1056349999999999</c:v>
                </c:pt>
                <c:pt idx="149">
                  <c:v>2.1077029999999999</c:v>
                </c:pt>
                <c:pt idx="150">
                  <c:v>2.1095609999999998</c:v>
                </c:pt>
                <c:pt idx="151">
                  <c:v>2.113259999999999</c:v>
                </c:pt>
                <c:pt idx="152">
                  <c:v>2.117496</c:v>
                </c:pt>
                <c:pt idx="153">
                  <c:v>2.122666999999999</c:v>
                </c:pt>
                <c:pt idx="154">
                  <c:v>2.1261779999999999</c:v>
                </c:pt>
                <c:pt idx="155">
                  <c:v>2.128098</c:v>
                </c:pt>
                <c:pt idx="156">
                  <c:v>2.1314280000000001</c:v>
                </c:pt>
                <c:pt idx="157">
                  <c:v>2.135838999999998</c:v>
                </c:pt>
                <c:pt idx="158">
                  <c:v>2.143497</c:v>
                </c:pt>
                <c:pt idx="159">
                  <c:v>2.1483159999999999</c:v>
                </c:pt>
                <c:pt idx="160">
                  <c:v>2.151402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A-C35B-3E4A-BE9D-DDDA28AA4F89}"/>
            </c:ext>
          </c:extLst>
        </c:ser>
        <c:ser>
          <c:idx val="10"/>
          <c:order val="10"/>
          <c:tx>
            <c:strRef>
              <c:f>'[852-DBRL102018D-G10X-Dev37-85-LIV-rev01.xls]plot-sheet'!$O$1</c:f>
              <c:strCache>
                <c:ptCount val="1"/>
                <c:pt idx="0">
                  <c:v>60°C</c:v>
                </c:pt>
              </c:strCache>
            </c:strRef>
          </c:tx>
          <c:spPr>
            <a:ln>
              <a:solidFill>
                <a:srgbClr val="FFFF00"/>
              </a:solidFill>
            </a:ln>
          </c:spPr>
          <c:marker>
            <c:symbol val="none"/>
          </c:marker>
          <c:xVal>
            <c:numRef>
              <c:f>'[852-DBRL102018D-G10X-Dev37-85-LIV-rev01.xls]plot-sheet'!$J$2:$J$162</c:f>
              <c:numCache>
                <c:formatCode>General</c:formatCode>
                <c:ptCount val="161"/>
                <c:pt idx="0">
                  <c:v>0</c:v>
                </c:pt>
                <c:pt idx="1">
                  <c:v>5.0000000000000001E-4</c:v>
                </c:pt>
                <c:pt idx="2">
                  <c:v>1E-3</c:v>
                </c:pt>
                <c:pt idx="3">
                  <c:v>1.5E-3</c:v>
                </c:pt>
                <c:pt idx="4">
                  <c:v>2E-3</c:v>
                </c:pt>
                <c:pt idx="5">
                  <c:v>2.5000000000000001E-3</c:v>
                </c:pt>
                <c:pt idx="6">
                  <c:v>3.0000000000000001E-3</c:v>
                </c:pt>
                <c:pt idx="7">
                  <c:v>3.5000000000000001E-3</c:v>
                </c:pt>
                <c:pt idx="8">
                  <c:v>4.0000000000000001E-3</c:v>
                </c:pt>
                <c:pt idx="9">
                  <c:v>4.4999999999999997E-3</c:v>
                </c:pt>
                <c:pt idx="10">
                  <c:v>5.0000000000000001E-3</c:v>
                </c:pt>
                <c:pt idx="11">
                  <c:v>5.4999999999999997E-3</c:v>
                </c:pt>
                <c:pt idx="12">
                  <c:v>6.0000000000000001E-3</c:v>
                </c:pt>
                <c:pt idx="13">
                  <c:v>6.4999999999999997E-3</c:v>
                </c:pt>
                <c:pt idx="14">
                  <c:v>7.0000000000000001E-3</c:v>
                </c:pt>
                <c:pt idx="15">
                  <c:v>7.4999999999999997E-3</c:v>
                </c:pt>
                <c:pt idx="16">
                  <c:v>8.0000000000000002E-3</c:v>
                </c:pt>
                <c:pt idx="17">
                  <c:v>8.5000000000000006E-3</c:v>
                </c:pt>
                <c:pt idx="18">
                  <c:v>8.9999999999999906E-3</c:v>
                </c:pt>
                <c:pt idx="19">
                  <c:v>9.4999999999999998E-3</c:v>
                </c:pt>
                <c:pt idx="20">
                  <c:v>0.01</c:v>
                </c:pt>
                <c:pt idx="21">
                  <c:v>1.0500000000000001E-2</c:v>
                </c:pt>
                <c:pt idx="22">
                  <c:v>1.0999999999999999E-2</c:v>
                </c:pt>
                <c:pt idx="23">
                  <c:v>1.15E-2</c:v>
                </c:pt>
                <c:pt idx="24">
                  <c:v>1.2E-2</c:v>
                </c:pt>
                <c:pt idx="25">
                  <c:v>1.2500000000000001E-2</c:v>
                </c:pt>
                <c:pt idx="26">
                  <c:v>1.2999999999999999E-2</c:v>
                </c:pt>
                <c:pt idx="27">
                  <c:v>1.35E-2</c:v>
                </c:pt>
                <c:pt idx="28">
                  <c:v>1.4E-2</c:v>
                </c:pt>
                <c:pt idx="29">
                  <c:v>1.4500000000000001E-2</c:v>
                </c:pt>
                <c:pt idx="30">
                  <c:v>1.4999999999999999E-2</c:v>
                </c:pt>
                <c:pt idx="31">
                  <c:v>1.55E-2</c:v>
                </c:pt>
                <c:pt idx="32">
                  <c:v>1.6E-2</c:v>
                </c:pt>
                <c:pt idx="33">
                  <c:v>1.6500000000000001E-2</c:v>
                </c:pt>
                <c:pt idx="34">
                  <c:v>1.7000000000000001E-2</c:v>
                </c:pt>
                <c:pt idx="35">
                  <c:v>1.7500000000000002E-2</c:v>
                </c:pt>
                <c:pt idx="36">
                  <c:v>1.7999999999999999E-2</c:v>
                </c:pt>
                <c:pt idx="37">
                  <c:v>1.8499999999999999E-2</c:v>
                </c:pt>
                <c:pt idx="38">
                  <c:v>1.9E-2</c:v>
                </c:pt>
                <c:pt idx="39">
                  <c:v>1.95E-2</c:v>
                </c:pt>
                <c:pt idx="40">
                  <c:v>0.02</c:v>
                </c:pt>
                <c:pt idx="41">
                  <c:v>2.0500000000000001E-2</c:v>
                </c:pt>
                <c:pt idx="42">
                  <c:v>2.1000000000000001E-2</c:v>
                </c:pt>
                <c:pt idx="43">
                  <c:v>2.1499999999999998E-2</c:v>
                </c:pt>
                <c:pt idx="44">
                  <c:v>2.1999999999999999E-2</c:v>
                </c:pt>
                <c:pt idx="45">
                  <c:v>2.2499999999999999E-2</c:v>
                </c:pt>
                <c:pt idx="46">
                  <c:v>2.3E-2</c:v>
                </c:pt>
                <c:pt idx="47">
                  <c:v>2.35E-2</c:v>
                </c:pt>
                <c:pt idx="48">
                  <c:v>2.4E-2</c:v>
                </c:pt>
                <c:pt idx="49">
                  <c:v>2.4500000000000001E-2</c:v>
                </c:pt>
                <c:pt idx="50">
                  <c:v>2.5000000000000001E-2</c:v>
                </c:pt>
                <c:pt idx="51">
                  <c:v>2.5499999999999998E-2</c:v>
                </c:pt>
                <c:pt idx="52">
                  <c:v>2.5999999999999999E-2</c:v>
                </c:pt>
                <c:pt idx="53">
                  <c:v>2.6499999999999999E-2</c:v>
                </c:pt>
                <c:pt idx="54">
                  <c:v>2.7E-2</c:v>
                </c:pt>
                <c:pt idx="55">
                  <c:v>2.75E-2</c:v>
                </c:pt>
                <c:pt idx="56">
                  <c:v>2.8000000000000001E-2</c:v>
                </c:pt>
                <c:pt idx="57">
                  <c:v>2.8500000000000001E-2</c:v>
                </c:pt>
                <c:pt idx="58">
                  <c:v>2.9000000000000001E-2</c:v>
                </c:pt>
                <c:pt idx="59">
                  <c:v>2.9499999999999998E-2</c:v>
                </c:pt>
                <c:pt idx="60">
                  <c:v>0.03</c:v>
                </c:pt>
                <c:pt idx="61">
                  <c:v>3.0499999999999999E-2</c:v>
                </c:pt>
                <c:pt idx="62">
                  <c:v>3.1E-2</c:v>
                </c:pt>
                <c:pt idx="63">
                  <c:v>3.15E-2</c:v>
                </c:pt>
                <c:pt idx="64">
                  <c:v>3.2000000000000001E-2</c:v>
                </c:pt>
                <c:pt idx="65">
                  <c:v>3.2500000000000001E-2</c:v>
                </c:pt>
                <c:pt idx="66">
                  <c:v>3.3000000000000002E-2</c:v>
                </c:pt>
                <c:pt idx="67">
                  <c:v>3.3500000000000002E-2</c:v>
                </c:pt>
                <c:pt idx="68">
                  <c:v>3.4000000000000002E-2</c:v>
                </c:pt>
                <c:pt idx="69">
                  <c:v>3.4500000000000003E-2</c:v>
                </c:pt>
                <c:pt idx="70">
                  <c:v>3.5000000000000003E-2</c:v>
                </c:pt>
                <c:pt idx="71">
                  <c:v>3.5499999999999997E-2</c:v>
                </c:pt>
                <c:pt idx="72">
                  <c:v>3.5999999999999997E-2</c:v>
                </c:pt>
                <c:pt idx="73">
                  <c:v>3.6499999999999998E-2</c:v>
                </c:pt>
                <c:pt idx="74">
                  <c:v>3.6999999999999998E-2</c:v>
                </c:pt>
                <c:pt idx="75">
                  <c:v>3.7499999999999999E-2</c:v>
                </c:pt>
                <c:pt idx="76">
                  <c:v>3.7999999999999999E-2</c:v>
                </c:pt>
                <c:pt idx="77">
                  <c:v>3.85E-2</c:v>
                </c:pt>
                <c:pt idx="78">
                  <c:v>3.9E-2</c:v>
                </c:pt>
                <c:pt idx="79">
                  <c:v>3.95E-2</c:v>
                </c:pt>
                <c:pt idx="80">
                  <c:v>0.04</c:v>
                </c:pt>
                <c:pt idx="81">
                  <c:v>4.0500000000000001E-2</c:v>
                </c:pt>
                <c:pt idx="82">
                  <c:v>4.1000000000000002E-2</c:v>
                </c:pt>
                <c:pt idx="83">
                  <c:v>4.1500000000000002E-2</c:v>
                </c:pt>
                <c:pt idx="84">
                  <c:v>4.2000000000000003E-2</c:v>
                </c:pt>
                <c:pt idx="85">
                  <c:v>4.2500000000000003E-2</c:v>
                </c:pt>
                <c:pt idx="86">
                  <c:v>4.2999999999999997E-2</c:v>
                </c:pt>
                <c:pt idx="87">
                  <c:v>4.3499999999999997E-2</c:v>
                </c:pt>
                <c:pt idx="88">
                  <c:v>4.3999999999999997E-2</c:v>
                </c:pt>
                <c:pt idx="89">
                  <c:v>4.4499999999999998E-2</c:v>
                </c:pt>
                <c:pt idx="90">
                  <c:v>4.4999999999999998E-2</c:v>
                </c:pt>
                <c:pt idx="91">
                  <c:v>4.5499999999999999E-2</c:v>
                </c:pt>
                <c:pt idx="92">
                  <c:v>4.5999999999999999E-2</c:v>
                </c:pt>
                <c:pt idx="93">
                  <c:v>4.65E-2</c:v>
                </c:pt>
                <c:pt idx="94">
                  <c:v>4.7E-2</c:v>
                </c:pt>
                <c:pt idx="95">
                  <c:v>4.7500000000000001E-2</c:v>
                </c:pt>
                <c:pt idx="96">
                  <c:v>4.8000000000000001E-2</c:v>
                </c:pt>
                <c:pt idx="97">
                  <c:v>4.8500000000000001E-2</c:v>
                </c:pt>
                <c:pt idx="98">
                  <c:v>4.9000000000000002E-2</c:v>
                </c:pt>
                <c:pt idx="99">
                  <c:v>4.9500000000000002E-2</c:v>
                </c:pt>
                <c:pt idx="100">
                  <c:v>0.05</c:v>
                </c:pt>
                <c:pt idx="101">
                  <c:v>5.0500000000000003E-2</c:v>
                </c:pt>
                <c:pt idx="102">
                  <c:v>5.0999999999999997E-2</c:v>
                </c:pt>
                <c:pt idx="103">
                  <c:v>5.1499999999999997E-2</c:v>
                </c:pt>
                <c:pt idx="104">
                  <c:v>5.1999999999999998E-2</c:v>
                </c:pt>
                <c:pt idx="105">
                  <c:v>5.2499999999999998E-2</c:v>
                </c:pt>
                <c:pt idx="106">
                  <c:v>5.2999999999999999E-2</c:v>
                </c:pt>
                <c:pt idx="107">
                  <c:v>5.3499999999999999E-2</c:v>
                </c:pt>
                <c:pt idx="108">
                  <c:v>5.3999999999999999E-2</c:v>
                </c:pt>
                <c:pt idx="109">
                  <c:v>5.45E-2</c:v>
                </c:pt>
                <c:pt idx="110">
                  <c:v>5.5E-2</c:v>
                </c:pt>
                <c:pt idx="111">
                  <c:v>5.5500000000000001E-2</c:v>
                </c:pt>
                <c:pt idx="112">
                  <c:v>5.6000000000000001E-2</c:v>
                </c:pt>
                <c:pt idx="113">
                  <c:v>5.6500000000000002E-2</c:v>
                </c:pt>
                <c:pt idx="114">
                  <c:v>5.7000000000000002E-2</c:v>
                </c:pt>
                <c:pt idx="115">
                  <c:v>5.7500000000000002E-2</c:v>
                </c:pt>
                <c:pt idx="116">
                  <c:v>5.8000000000000003E-2</c:v>
                </c:pt>
                <c:pt idx="117">
                  <c:v>5.8500000000000003E-2</c:v>
                </c:pt>
                <c:pt idx="118">
                  <c:v>5.8999999999999997E-2</c:v>
                </c:pt>
                <c:pt idx="119">
                  <c:v>5.9499999999999997E-2</c:v>
                </c:pt>
                <c:pt idx="120">
                  <c:v>0.06</c:v>
                </c:pt>
                <c:pt idx="121">
                  <c:v>6.0499999999999998E-2</c:v>
                </c:pt>
                <c:pt idx="122">
                  <c:v>6.0999999999999999E-2</c:v>
                </c:pt>
                <c:pt idx="123">
                  <c:v>6.1499999999999999E-2</c:v>
                </c:pt>
                <c:pt idx="124">
                  <c:v>6.2E-2</c:v>
                </c:pt>
                <c:pt idx="125">
                  <c:v>6.25E-2</c:v>
                </c:pt>
                <c:pt idx="126">
                  <c:v>6.3E-2</c:v>
                </c:pt>
                <c:pt idx="127">
                  <c:v>6.3500000000000001E-2</c:v>
                </c:pt>
                <c:pt idx="128">
                  <c:v>6.4000000000000001E-2</c:v>
                </c:pt>
                <c:pt idx="129">
                  <c:v>6.4500000000000002E-2</c:v>
                </c:pt>
                <c:pt idx="130">
                  <c:v>6.5000000000000002E-2</c:v>
                </c:pt>
                <c:pt idx="131">
                  <c:v>6.5500000000000003E-2</c:v>
                </c:pt>
                <c:pt idx="132">
                  <c:v>6.6000000000000003E-2</c:v>
                </c:pt>
                <c:pt idx="133">
                  <c:v>6.6500000000000004E-2</c:v>
                </c:pt>
                <c:pt idx="134">
                  <c:v>6.7000000000000004E-2</c:v>
                </c:pt>
                <c:pt idx="135">
                  <c:v>6.7500000000000004E-2</c:v>
                </c:pt>
                <c:pt idx="136">
                  <c:v>6.8000000000000005E-2</c:v>
                </c:pt>
                <c:pt idx="137">
                  <c:v>6.8500000000000005E-2</c:v>
                </c:pt>
                <c:pt idx="138">
                  <c:v>6.9000000000000006E-2</c:v>
                </c:pt>
                <c:pt idx="139">
                  <c:v>6.9500000000000006E-2</c:v>
                </c:pt>
                <c:pt idx="140">
                  <c:v>7.0000000000000007E-2</c:v>
                </c:pt>
                <c:pt idx="141">
                  <c:v>7.0499999999999896E-2</c:v>
                </c:pt>
                <c:pt idx="142">
                  <c:v>7.0999999999999897E-2</c:v>
                </c:pt>
                <c:pt idx="143">
                  <c:v>7.1499999999999897E-2</c:v>
                </c:pt>
                <c:pt idx="144">
                  <c:v>7.1999999999999995E-2</c:v>
                </c:pt>
                <c:pt idx="145">
                  <c:v>7.2499999999999995E-2</c:v>
                </c:pt>
                <c:pt idx="146">
                  <c:v>7.2999999999999995E-2</c:v>
                </c:pt>
                <c:pt idx="147">
                  <c:v>7.3499999999999996E-2</c:v>
                </c:pt>
                <c:pt idx="148">
                  <c:v>7.3999999999999996E-2</c:v>
                </c:pt>
                <c:pt idx="149">
                  <c:v>7.4499999999999997E-2</c:v>
                </c:pt>
                <c:pt idx="150">
                  <c:v>7.4999999999999997E-2</c:v>
                </c:pt>
                <c:pt idx="151">
                  <c:v>7.5499999999999998E-2</c:v>
                </c:pt>
                <c:pt idx="152">
                  <c:v>7.5999999999999998E-2</c:v>
                </c:pt>
                <c:pt idx="153">
                  <c:v>7.6499999999999999E-2</c:v>
                </c:pt>
                <c:pt idx="154">
                  <c:v>7.6999999999999999E-2</c:v>
                </c:pt>
                <c:pt idx="155">
                  <c:v>7.7499999999999999E-2</c:v>
                </c:pt>
                <c:pt idx="156">
                  <c:v>7.8E-2</c:v>
                </c:pt>
                <c:pt idx="157">
                  <c:v>7.85E-2</c:v>
                </c:pt>
                <c:pt idx="158">
                  <c:v>7.9000000000000001E-2</c:v>
                </c:pt>
                <c:pt idx="159">
                  <c:v>7.9500000000000001E-2</c:v>
                </c:pt>
                <c:pt idx="160">
                  <c:v>0.08</c:v>
                </c:pt>
              </c:numCache>
            </c:numRef>
          </c:xVal>
          <c:yVal>
            <c:numRef>
              <c:f>'[852-DBRL102018D-G10X-Dev37-85-LIV-rev01.xls]plot-sheet'!$O$2:$O$162</c:f>
              <c:numCache>
                <c:formatCode>General</c:formatCode>
                <c:ptCount val="161"/>
                <c:pt idx="0">
                  <c:v>1.1818010000000001</c:v>
                </c:pt>
                <c:pt idx="1">
                  <c:v>1.290824</c:v>
                </c:pt>
                <c:pt idx="2">
                  <c:v>1.332932</c:v>
                </c:pt>
                <c:pt idx="3">
                  <c:v>1.358382</c:v>
                </c:pt>
                <c:pt idx="4">
                  <c:v>1.3794010000000001</c:v>
                </c:pt>
                <c:pt idx="5">
                  <c:v>1.3975329999999999</c:v>
                </c:pt>
                <c:pt idx="6">
                  <c:v>1.411964999999999</c:v>
                </c:pt>
                <c:pt idx="7">
                  <c:v>1.424364</c:v>
                </c:pt>
                <c:pt idx="8">
                  <c:v>1.4374210000000001</c:v>
                </c:pt>
                <c:pt idx="9">
                  <c:v>1.4491099999999999</c:v>
                </c:pt>
                <c:pt idx="10">
                  <c:v>1.460081</c:v>
                </c:pt>
                <c:pt idx="11">
                  <c:v>1.4702770000000001</c:v>
                </c:pt>
                <c:pt idx="12">
                  <c:v>1.4777769999999999</c:v>
                </c:pt>
                <c:pt idx="13">
                  <c:v>1.486872</c:v>
                </c:pt>
                <c:pt idx="14">
                  <c:v>1.495606</c:v>
                </c:pt>
                <c:pt idx="15">
                  <c:v>1.50379</c:v>
                </c:pt>
                <c:pt idx="16">
                  <c:v>1.51183</c:v>
                </c:pt>
                <c:pt idx="17">
                  <c:v>1.519134</c:v>
                </c:pt>
                <c:pt idx="18">
                  <c:v>1.5253559999999999</c:v>
                </c:pt>
                <c:pt idx="19">
                  <c:v>1.533058</c:v>
                </c:pt>
                <c:pt idx="20">
                  <c:v>1.539593</c:v>
                </c:pt>
                <c:pt idx="21">
                  <c:v>1.54661</c:v>
                </c:pt>
                <c:pt idx="22">
                  <c:v>1.5532699999999999</c:v>
                </c:pt>
                <c:pt idx="23">
                  <c:v>1.5598909999999999</c:v>
                </c:pt>
                <c:pt idx="24">
                  <c:v>1.565056</c:v>
                </c:pt>
                <c:pt idx="25">
                  <c:v>1.5712109999999999</c:v>
                </c:pt>
                <c:pt idx="26">
                  <c:v>1.57748</c:v>
                </c:pt>
                <c:pt idx="27">
                  <c:v>1.583747</c:v>
                </c:pt>
                <c:pt idx="28">
                  <c:v>1.5897859999999999</c:v>
                </c:pt>
                <c:pt idx="29">
                  <c:v>1.5950789999999999</c:v>
                </c:pt>
                <c:pt idx="30">
                  <c:v>1.601299</c:v>
                </c:pt>
                <c:pt idx="31">
                  <c:v>1.6064620000000001</c:v>
                </c:pt>
                <c:pt idx="32">
                  <c:v>1.612117</c:v>
                </c:pt>
                <c:pt idx="33">
                  <c:v>1.6176969999999999</c:v>
                </c:pt>
                <c:pt idx="34">
                  <c:v>1.6236250000000001</c:v>
                </c:pt>
                <c:pt idx="35">
                  <c:v>1.6287860000000001</c:v>
                </c:pt>
                <c:pt idx="36">
                  <c:v>1.634368</c:v>
                </c:pt>
                <c:pt idx="37">
                  <c:v>1.639373</c:v>
                </c:pt>
                <c:pt idx="38">
                  <c:v>1.6442730000000001</c:v>
                </c:pt>
                <c:pt idx="39">
                  <c:v>1.649292</c:v>
                </c:pt>
                <c:pt idx="40">
                  <c:v>1.6547719999999999</c:v>
                </c:pt>
                <c:pt idx="41">
                  <c:v>1.6601729999999999</c:v>
                </c:pt>
                <c:pt idx="42">
                  <c:v>1.6656010000000001</c:v>
                </c:pt>
                <c:pt idx="43">
                  <c:v>1.6699409999999999</c:v>
                </c:pt>
                <c:pt idx="44">
                  <c:v>1.67428</c:v>
                </c:pt>
                <c:pt idx="45">
                  <c:v>1.6788350000000001</c:v>
                </c:pt>
                <c:pt idx="46">
                  <c:v>1.6826110000000001</c:v>
                </c:pt>
                <c:pt idx="47">
                  <c:v>1.6860109999999999</c:v>
                </c:pt>
                <c:pt idx="48">
                  <c:v>1.6875979999999999</c:v>
                </c:pt>
                <c:pt idx="49">
                  <c:v>1.690161</c:v>
                </c:pt>
                <c:pt idx="50">
                  <c:v>1.6918260000000001</c:v>
                </c:pt>
                <c:pt idx="51">
                  <c:v>1.6953640000000001</c:v>
                </c:pt>
                <c:pt idx="52">
                  <c:v>1.699222</c:v>
                </c:pt>
                <c:pt idx="53">
                  <c:v>1.703719</c:v>
                </c:pt>
                <c:pt idx="54">
                  <c:v>1.7074549999999999</c:v>
                </c:pt>
                <c:pt idx="55">
                  <c:v>1.7107270000000001</c:v>
                </c:pt>
                <c:pt idx="56">
                  <c:v>1.7146920000000001</c:v>
                </c:pt>
                <c:pt idx="57">
                  <c:v>1.7180550000000001</c:v>
                </c:pt>
                <c:pt idx="58">
                  <c:v>1.722513</c:v>
                </c:pt>
                <c:pt idx="59">
                  <c:v>1.7265619999999999</c:v>
                </c:pt>
                <c:pt idx="60">
                  <c:v>1.7305600000000001</c:v>
                </c:pt>
                <c:pt idx="61">
                  <c:v>1.734022</c:v>
                </c:pt>
                <c:pt idx="62">
                  <c:v>1.7378229999999999</c:v>
                </c:pt>
                <c:pt idx="63">
                  <c:v>1.7413559999999999</c:v>
                </c:pt>
                <c:pt idx="64">
                  <c:v>1.7453449999999999</c:v>
                </c:pt>
                <c:pt idx="65">
                  <c:v>1.749622</c:v>
                </c:pt>
                <c:pt idx="66">
                  <c:v>1.7535130000000001</c:v>
                </c:pt>
                <c:pt idx="67">
                  <c:v>1.757441</c:v>
                </c:pt>
                <c:pt idx="68">
                  <c:v>1.7613970000000001</c:v>
                </c:pt>
                <c:pt idx="69">
                  <c:v>1.764561</c:v>
                </c:pt>
                <c:pt idx="70">
                  <c:v>1.768362</c:v>
                </c:pt>
                <c:pt idx="71">
                  <c:v>1.772391</c:v>
                </c:pt>
                <c:pt idx="72">
                  <c:v>1.7763659999999999</c:v>
                </c:pt>
                <c:pt idx="73">
                  <c:v>1.7802910000000001</c:v>
                </c:pt>
                <c:pt idx="74">
                  <c:v>1.7838940000000001</c:v>
                </c:pt>
                <c:pt idx="75">
                  <c:v>1.787479</c:v>
                </c:pt>
                <c:pt idx="76">
                  <c:v>1.791315</c:v>
                </c:pt>
                <c:pt idx="77">
                  <c:v>1.795123</c:v>
                </c:pt>
                <c:pt idx="78">
                  <c:v>1.7991649999999999</c:v>
                </c:pt>
                <c:pt idx="79">
                  <c:v>1.8036460000000001</c:v>
                </c:pt>
                <c:pt idx="80">
                  <c:v>1.806808</c:v>
                </c:pt>
                <c:pt idx="81">
                  <c:v>1.8103180000000001</c:v>
                </c:pt>
                <c:pt idx="82">
                  <c:v>1.814114</c:v>
                </c:pt>
                <c:pt idx="83">
                  <c:v>1.817715</c:v>
                </c:pt>
                <c:pt idx="84">
                  <c:v>1.821944</c:v>
                </c:pt>
                <c:pt idx="85">
                  <c:v>1.826136</c:v>
                </c:pt>
                <c:pt idx="86">
                  <c:v>1.829494</c:v>
                </c:pt>
                <c:pt idx="87">
                  <c:v>1.8327009999999999</c:v>
                </c:pt>
                <c:pt idx="88">
                  <c:v>1.8362130000000001</c:v>
                </c:pt>
                <c:pt idx="89">
                  <c:v>1.840131</c:v>
                </c:pt>
                <c:pt idx="90">
                  <c:v>1.844352</c:v>
                </c:pt>
                <c:pt idx="91">
                  <c:v>1.8478250000000001</c:v>
                </c:pt>
                <c:pt idx="92">
                  <c:v>1.8513980000000001</c:v>
                </c:pt>
                <c:pt idx="93">
                  <c:v>1.854983</c:v>
                </c:pt>
                <c:pt idx="94">
                  <c:v>1.8581030000000001</c:v>
                </c:pt>
                <c:pt idx="95">
                  <c:v>1.8619380000000001</c:v>
                </c:pt>
                <c:pt idx="96">
                  <c:v>1.8660559999999999</c:v>
                </c:pt>
                <c:pt idx="97">
                  <c:v>1.869659</c:v>
                </c:pt>
                <c:pt idx="98">
                  <c:v>1.8730610000000001</c:v>
                </c:pt>
                <c:pt idx="99">
                  <c:v>1.876187</c:v>
                </c:pt>
                <c:pt idx="100">
                  <c:v>1.8799049999999999</c:v>
                </c:pt>
                <c:pt idx="101">
                  <c:v>1.883748</c:v>
                </c:pt>
                <c:pt idx="102">
                  <c:v>1.888387</c:v>
                </c:pt>
                <c:pt idx="103">
                  <c:v>1.8913230000000001</c:v>
                </c:pt>
                <c:pt idx="104">
                  <c:v>1.894803</c:v>
                </c:pt>
                <c:pt idx="105">
                  <c:v>1.8977820000000001</c:v>
                </c:pt>
                <c:pt idx="106">
                  <c:v>1.9010640000000001</c:v>
                </c:pt>
                <c:pt idx="107">
                  <c:v>1.904917</c:v>
                </c:pt>
                <c:pt idx="108">
                  <c:v>1.9083399999999999</c:v>
                </c:pt>
                <c:pt idx="109">
                  <c:v>1.9123399999999999</c:v>
                </c:pt>
                <c:pt idx="110">
                  <c:v>1.915332</c:v>
                </c:pt>
                <c:pt idx="111">
                  <c:v>1.918809</c:v>
                </c:pt>
                <c:pt idx="112">
                  <c:v>1.9222030000000001</c:v>
                </c:pt>
                <c:pt idx="113">
                  <c:v>1.9258230000000001</c:v>
                </c:pt>
                <c:pt idx="114">
                  <c:v>1.928885</c:v>
                </c:pt>
                <c:pt idx="115">
                  <c:v>1.9326430000000001</c:v>
                </c:pt>
                <c:pt idx="116">
                  <c:v>1.936234</c:v>
                </c:pt>
                <c:pt idx="117">
                  <c:v>1.9396990000000001</c:v>
                </c:pt>
                <c:pt idx="118">
                  <c:v>1.9434830000000001</c:v>
                </c:pt>
                <c:pt idx="119">
                  <c:v>1.9462429999999999</c:v>
                </c:pt>
                <c:pt idx="120">
                  <c:v>1.949708</c:v>
                </c:pt>
                <c:pt idx="121">
                  <c:v>1.9529829999999999</c:v>
                </c:pt>
                <c:pt idx="122">
                  <c:v>1.956601</c:v>
                </c:pt>
                <c:pt idx="123">
                  <c:v>1.960529</c:v>
                </c:pt>
                <c:pt idx="124">
                  <c:v>1.9640660000000001</c:v>
                </c:pt>
                <c:pt idx="125">
                  <c:v>1.9667239999999999</c:v>
                </c:pt>
                <c:pt idx="126">
                  <c:v>1.970008</c:v>
                </c:pt>
                <c:pt idx="127">
                  <c:v>1.9734</c:v>
                </c:pt>
                <c:pt idx="128">
                  <c:v>1.9772130000000001</c:v>
                </c:pt>
                <c:pt idx="129">
                  <c:v>1.9809460000000001</c:v>
                </c:pt>
                <c:pt idx="130">
                  <c:v>1.984558</c:v>
                </c:pt>
                <c:pt idx="131">
                  <c:v>1.9868189999999999</c:v>
                </c:pt>
                <c:pt idx="132">
                  <c:v>1.990065</c:v>
                </c:pt>
                <c:pt idx="133">
                  <c:v>1.9933399999999999</c:v>
                </c:pt>
                <c:pt idx="134">
                  <c:v>1.99732</c:v>
                </c:pt>
                <c:pt idx="135">
                  <c:v>2.001306</c:v>
                </c:pt>
                <c:pt idx="136">
                  <c:v>2.0032700000000001</c:v>
                </c:pt>
                <c:pt idx="137">
                  <c:v>2.006289999999999</c:v>
                </c:pt>
                <c:pt idx="138">
                  <c:v>2.009250999999999</c:v>
                </c:pt>
                <c:pt idx="139">
                  <c:v>2.013277</c:v>
                </c:pt>
                <c:pt idx="140">
                  <c:v>2.0172460000000001</c:v>
                </c:pt>
                <c:pt idx="141">
                  <c:v>2.0212270000000001</c:v>
                </c:pt>
                <c:pt idx="142">
                  <c:v>2.0232100000000002</c:v>
                </c:pt>
                <c:pt idx="143">
                  <c:v>2.0256880000000002</c:v>
                </c:pt>
                <c:pt idx="144">
                  <c:v>2.028875999999999</c:v>
                </c:pt>
                <c:pt idx="145">
                  <c:v>2.0322170000000002</c:v>
                </c:pt>
                <c:pt idx="146">
                  <c:v>2.0364840000000002</c:v>
                </c:pt>
                <c:pt idx="147">
                  <c:v>2.039739</c:v>
                </c:pt>
                <c:pt idx="148">
                  <c:v>2.04223</c:v>
                </c:pt>
                <c:pt idx="149">
                  <c:v>2.0448010000000001</c:v>
                </c:pt>
                <c:pt idx="150">
                  <c:v>2.0479820000000002</c:v>
                </c:pt>
                <c:pt idx="151">
                  <c:v>2.0514640000000002</c:v>
                </c:pt>
                <c:pt idx="152">
                  <c:v>2.0549279999999999</c:v>
                </c:pt>
                <c:pt idx="153">
                  <c:v>2.0579299999999998</c:v>
                </c:pt>
                <c:pt idx="154">
                  <c:v>2.0607600000000001</c:v>
                </c:pt>
                <c:pt idx="155">
                  <c:v>2.064098</c:v>
                </c:pt>
                <c:pt idx="156">
                  <c:v>2.067129</c:v>
                </c:pt>
                <c:pt idx="157">
                  <c:v>2.0707339999999999</c:v>
                </c:pt>
                <c:pt idx="158">
                  <c:v>2.0740150000000002</c:v>
                </c:pt>
                <c:pt idx="159">
                  <c:v>2.076381</c:v>
                </c:pt>
                <c:pt idx="160">
                  <c:v>2.079672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B-C35B-3E4A-BE9D-DDDA28AA4F89}"/>
            </c:ext>
          </c:extLst>
        </c:ser>
        <c:ser>
          <c:idx val="11"/>
          <c:order val="11"/>
          <c:tx>
            <c:strRef>
              <c:f>'[852-DBRL102018D-G10X-Dev37-85-LIV-rev01.xls]plot-sheet'!$P$1</c:f>
              <c:strCache>
                <c:ptCount val="1"/>
                <c:pt idx="0">
                  <c:v>70°C</c:v>
                </c:pt>
              </c:strCache>
            </c:strRef>
          </c:tx>
          <c:spPr>
            <a:ln>
              <a:solidFill>
                <a:srgbClr val="FFC000"/>
              </a:solidFill>
            </a:ln>
          </c:spPr>
          <c:marker>
            <c:symbol val="none"/>
          </c:marker>
          <c:xVal>
            <c:numRef>
              <c:f>'[852-DBRL102018D-G10X-Dev37-85-LIV-rev01.xls]plot-sheet'!$J$2:$J$162</c:f>
              <c:numCache>
                <c:formatCode>General</c:formatCode>
                <c:ptCount val="161"/>
                <c:pt idx="0">
                  <c:v>0</c:v>
                </c:pt>
                <c:pt idx="1">
                  <c:v>5.0000000000000001E-4</c:v>
                </c:pt>
                <c:pt idx="2">
                  <c:v>1E-3</c:v>
                </c:pt>
                <c:pt idx="3">
                  <c:v>1.5E-3</c:v>
                </c:pt>
                <c:pt idx="4">
                  <c:v>2E-3</c:v>
                </c:pt>
                <c:pt idx="5">
                  <c:v>2.5000000000000001E-3</c:v>
                </c:pt>
                <c:pt idx="6">
                  <c:v>3.0000000000000001E-3</c:v>
                </c:pt>
                <c:pt idx="7">
                  <c:v>3.5000000000000001E-3</c:v>
                </c:pt>
                <c:pt idx="8">
                  <c:v>4.0000000000000001E-3</c:v>
                </c:pt>
                <c:pt idx="9">
                  <c:v>4.4999999999999997E-3</c:v>
                </c:pt>
                <c:pt idx="10">
                  <c:v>5.0000000000000001E-3</c:v>
                </c:pt>
                <c:pt idx="11">
                  <c:v>5.4999999999999997E-3</c:v>
                </c:pt>
                <c:pt idx="12">
                  <c:v>6.0000000000000001E-3</c:v>
                </c:pt>
                <c:pt idx="13">
                  <c:v>6.4999999999999997E-3</c:v>
                </c:pt>
                <c:pt idx="14">
                  <c:v>7.0000000000000001E-3</c:v>
                </c:pt>
                <c:pt idx="15">
                  <c:v>7.4999999999999997E-3</c:v>
                </c:pt>
                <c:pt idx="16">
                  <c:v>8.0000000000000002E-3</c:v>
                </c:pt>
                <c:pt idx="17">
                  <c:v>8.5000000000000006E-3</c:v>
                </c:pt>
                <c:pt idx="18">
                  <c:v>8.9999999999999906E-3</c:v>
                </c:pt>
                <c:pt idx="19">
                  <c:v>9.4999999999999998E-3</c:v>
                </c:pt>
                <c:pt idx="20">
                  <c:v>0.01</c:v>
                </c:pt>
                <c:pt idx="21">
                  <c:v>1.0500000000000001E-2</c:v>
                </c:pt>
                <c:pt idx="22">
                  <c:v>1.0999999999999999E-2</c:v>
                </c:pt>
                <c:pt idx="23">
                  <c:v>1.15E-2</c:v>
                </c:pt>
                <c:pt idx="24">
                  <c:v>1.2E-2</c:v>
                </c:pt>
                <c:pt idx="25">
                  <c:v>1.2500000000000001E-2</c:v>
                </c:pt>
                <c:pt idx="26">
                  <c:v>1.2999999999999999E-2</c:v>
                </c:pt>
                <c:pt idx="27">
                  <c:v>1.35E-2</c:v>
                </c:pt>
                <c:pt idx="28">
                  <c:v>1.4E-2</c:v>
                </c:pt>
                <c:pt idx="29">
                  <c:v>1.4500000000000001E-2</c:v>
                </c:pt>
                <c:pt idx="30">
                  <c:v>1.4999999999999999E-2</c:v>
                </c:pt>
                <c:pt idx="31">
                  <c:v>1.55E-2</c:v>
                </c:pt>
                <c:pt idx="32">
                  <c:v>1.6E-2</c:v>
                </c:pt>
                <c:pt idx="33">
                  <c:v>1.6500000000000001E-2</c:v>
                </c:pt>
                <c:pt idx="34">
                  <c:v>1.7000000000000001E-2</c:v>
                </c:pt>
                <c:pt idx="35">
                  <c:v>1.7500000000000002E-2</c:v>
                </c:pt>
                <c:pt idx="36">
                  <c:v>1.7999999999999999E-2</c:v>
                </c:pt>
                <c:pt idx="37">
                  <c:v>1.8499999999999999E-2</c:v>
                </c:pt>
                <c:pt idx="38">
                  <c:v>1.9E-2</c:v>
                </c:pt>
                <c:pt idx="39">
                  <c:v>1.95E-2</c:v>
                </c:pt>
                <c:pt idx="40">
                  <c:v>0.02</c:v>
                </c:pt>
                <c:pt idx="41">
                  <c:v>2.0500000000000001E-2</c:v>
                </c:pt>
                <c:pt idx="42">
                  <c:v>2.1000000000000001E-2</c:v>
                </c:pt>
                <c:pt idx="43">
                  <c:v>2.1499999999999998E-2</c:v>
                </c:pt>
                <c:pt idx="44">
                  <c:v>2.1999999999999999E-2</c:v>
                </c:pt>
                <c:pt idx="45">
                  <c:v>2.2499999999999999E-2</c:v>
                </c:pt>
                <c:pt idx="46">
                  <c:v>2.3E-2</c:v>
                </c:pt>
                <c:pt idx="47">
                  <c:v>2.35E-2</c:v>
                </c:pt>
                <c:pt idx="48">
                  <c:v>2.4E-2</c:v>
                </c:pt>
                <c:pt idx="49">
                  <c:v>2.4500000000000001E-2</c:v>
                </c:pt>
                <c:pt idx="50">
                  <c:v>2.5000000000000001E-2</c:v>
                </c:pt>
                <c:pt idx="51">
                  <c:v>2.5499999999999998E-2</c:v>
                </c:pt>
                <c:pt idx="52">
                  <c:v>2.5999999999999999E-2</c:v>
                </c:pt>
                <c:pt idx="53">
                  <c:v>2.6499999999999999E-2</c:v>
                </c:pt>
                <c:pt idx="54">
                  <c:v>2.7E-2</c:v>
                </c:pt>
                <c:pt idx="55">
                  <c:v>2.75E-2</c:v>
                </c:pt>
                <c:pt idx="56">
                  <c:v>2.8000000000000001E-2</c:v>
                </c:pt>
                <c:pt idx="57">
                  <c:v>2.8500000000000001E-2</c:v>
                </c:pt>
                <c:pt idx="58">
                  <c:v>2.9000000000000001E-2</c:v>
                </c:pt>
                <c:pt idx="59">
                  <c:v>2.9499999999999998E-2</c:v>
                </c:pt>
                <c:pt idx="60">
                  <c:v>0.03</c:v>
                </c:pt>
                <c:pt idx="61">
                  <c:v>3.0499999999999999E-2</c:v>
                </c:pt>
                <c:pt idx="62">
                  <c:v>3.1E-2</c:v>
                </c:pt>
                <c:pt idx="63">
                  <c:v>3.15E-2</c:v>
                </c:pt>
                <c:pt idx="64">
                  <c:v>3.2000000000000001E-2</c:v>
                </c:pt>
                <c:pt idx="65">
                  <c:v>3.2500000000000001E-2</c:v>
                </c:pt>
                <c:pt idx="66">
                  <c:v>3.3000000000000002E-2</c:v>
                </c:pt>
                <c:pt idx="67">
                  <c:v>3.3500000000000002E-2</c:v>
                </c:pt>
                <c:pt idx="68">
                  <c:v>3.4000000000000002E-2</c:v>
                </c:pt>
                <c:pt idx="69">
                  <c:v>3.4500000000000003E-2</c:v>
                </c:pt>
                <c:pt idx="70">
                  <c:v>3.5000000000000003E-2</c:v>
                </c:pt>
                <c:pt idx="71">
                  <c:v>3.5499999999999997E-2</c:v>
                </c:pt>
                <c:pt idx="72">
                  <c:v>3.5999999999999997E-2</c:v>
                </c:pt>
                <c:pt idx="73">
                  <c:v>3.6499999999999998E-2</c:v>
                </c:pt>
                <c:pt idx="74">
                  <c:v>3.6999999999999998E-2</c:v>
                </c:pt>
                <c:pt idx="75">
                  <c:v>3.7499999999999999E-2</c:v>
                </c:pt>
                <c:pt idx="76">
                  <c:v>3.7999999999999999E-2</c:v>
                </c:pt>
                <c:pt idx="77">
                  <c:v>3.85E-2</c:v>
                </c:pt>
                <c:pt idx="78">
                  <c:v>3.9E-2</c:v>
                </c:pt>
                <c:pt idx="79">
                  <c:v>3.95E-2</c:v>
                </c:pt>
                <c:pt idx="80">
                  <c:v>0.04</c:v>
                </c:pt>
                <c:pt idx="81">
                  <c:v>4.0500000000000001E-2</c:v>
                </c:pt>
                <c:pt idx="82">
                  <c:v>4.1000000000000002E-2</c:v>
                </c:pt>
                <c:pt idx="83">
                  <c:v>4.1500000000000002E-2</c:v>
                </c:pt>
                <c:pt idx="84">
                  <c:v>4.2000000000000003E-2</c:v>
                </c:pt>
                <c:pt idx="85">
                  <c:v>4.2500000000000003E-2</c:v>
                </c:pt>
                <c:pt idx="86">
                  <c:v>4.2999999999999997E-2</c:v>
                </c:pt>
                <c:pt idx="87">
                  <c:v>4.3499999999999997E-2</c:v>
                </c:pt>
                <c:pt idx="88">
                  <c:v>4.3999999999999997E-2</c:v>
                </c:pt>
                <c:pt idx="89">
                  <c:v>4.4499999999999998E-2</c:v>
                </c:pt>
                <c:pt idx="90">
                  <c:v>4.4999999999999998E-2</c:v>
                </c:pt>
                <c:pt idx="91">
                  <c:v>4.5499999999999999E-2</c:v>
                </c:pt>
                <c:pt idx="92">
                  <c:v>4.5999999999999999E-2</c:v>
                </c:pt>
                <c:pt idx="93">
                  <c:v>4.65E-2</c:v>
                </c:pt>
                <c:pt idx="94">
                  <c:v>4.7E-2</c:v>
                </c:pt>
                <c:pt idx="95">
                  <c:v>4.7500000000000001E-2</c:v>
                </c:pt>
                <c:pt idx="96">
                  <c:v>4.8000000000000001E-2</c:v>
                </c:pt>
                <c:pt idx="97">
                  <c:v>4.8500000000000001E-2</c:v>
                </c:pt>
                <c:pt idx="98">
                  <c:v>4.9000000000000002E-2</c:v>
                </c:pt>
                <c:pt idx="99">
                  <c:v>4.9500000000000002E-2</c:v>
                </c:pt>
                <c:pt idx="100">
                  <c:v>0.05</c:v>
                </c:pt>
                <c:pt idx="101">
                  <c:v>5.0500000000000003E-2</c:v>
                </c:pt>
                <c:pt idx="102">
                  <c:v>5.0999999999999997E-2</c:v>
                </c:pt>
                <c:pt idx="103">
                  <c:v>5.1499999999999997E-2</c:v>
                </c:pt>
                <c:pt idx="104">
                  <c:v>5.1999999999999998E-2</c:v>
                </c:pt>
                <c:pt idx="105">
                  <c:v>5.2499999999999998E-2</c:v>
                </c:pt>
                <c:pt idx="106">
                  <c:v>5.2999999999999999E-2</c:v>
                </c:pt>
                <c:pt idx="107">
                  <c:v>5.3499999999999999E-2</c:v>
                </c:pt>
                <c:pt idx="108">
                  <c:v>5.3999999999999999E-2</c:v>
                </c:pt>
                <c:pt idx="109">
                  <c:v>5.45E-2</c:v>
                </c:pt>
                <c:pt idx="110">
                  <c:v>5.5E-2</c:v>
                </c:pt>
                <c:pt idx="111">
                  <c:v>5.5500000000000001E-2</c:v>
                </c:pt>
                <c:pt idx="112">
                  <c:v>5.6000000000000001E-2</c:v>
                </c:pt>
                <c:pt idx="113">
                  <c:v>5.6500000000000002E-2</c:v>
                </c:pt>
                <c:pt idx="114">
                  <c:v>5.7000000000000002E-2</c:v>
                </c:pt>
                <c:pt idx="115">
                  <c:v>5.7500000000000002E-2</c:v>
                </c:pt>
                <c:pt idx="116">
                  <c:v>5.8000000000000003E-2</c:v>
                </c:pt>
                <c:pt idx="117">
                  <c:v>5.8500000000000003E-2</c:v>
                </c:pt>
                <c:pt idx="118">
                  <c:v>5.8999999999999997E-2</c:v>
                </c:pt>
                <c:pt idx="119">
                  <c:v>5.9499999999999997E-2</c:v>
                </c:pt>
                <c:pt idx="120">
                  <c:v>0.06</c:v>
                </c:pt>
                <c:pt idx="121">
                  <c:v>6.0499999999999998E-2</c:v>
                </c:pt>
                <c:pt idx="122">
                  <c:v>6.0999999999999999E-2</c:v>
                </c:pt>
                <c:pt idx="123">
                  <c:v>6.1499999999999999E-2</c:v>
                </c:pt>
                <c:pt idx="124">
                  <c:v>6.2E-2</c:v>
                </c:pt>
                <c:pt idx="125">
                  <c:v>6.25E-2</c:v>
                </c:pt>
                <c:pt idx="126">
                  <c:v>6.3E-2</c:v>
                </c:pt>
                <c:pt idx="127">
                  <c:v>6.3500000000000001E-2</c:v>
                </c:pt>
                <c:pt idx="128">
                  <c:v>6.4000000000000001E-2</c:v>
                </c:pt>
                <c:pt idx="129">
                  <c:v>6.4500000000000002E-2</c:v>
                </c:pt>
                <c:pt idx="130">
                  <c:v>6.5000000000000002E-2</c:v>
                </c:pt>
                <c:pt idx="131">
                  <c:v>6.5500000000000003E-2</c:v>
                </c:pt>
                <c:pt idx="132">
                  <c:v>6.6000000000000003E-2</c:v>
                </c:pt>
                <c:pt idx="133">
                  <c:v>6.6500000000000004E-2</c:v>
                </c:pt>
                <c:pt idx="134">
                  <c:v>6.7000000000000004E-2</c:v>
                </c:pt>
                <c:pt idx="135">
                  <c:v>6.7500000000000004E-2</c:v>
                </c:pt>
                <c:pt idx="136">
                  <c:v>6.8000000000000005E-2</c:v>
                </c:pt>
                <c:pt idx="137">
                  <c:v>6.8500000000000005E-2</c:v>
                </c:pt>
                <c:pt idx="138">
                  <c:v>6.9000000000000006E-2</c:v>
                </c:pt>
                <c:pt idx="139">
                  <c:v>6.9500000000000006E-2</c:v>
                </c:pt>
                <c:pt idx="140">
                  <c:v>7.0000000000000007E-2</c:v>
                </c:pt>
                <c:pt idx="141">
                  <c:v>7.0499999999999896E-2</c:v>
                </c:pt>
                <c:pt idx="142">
                  <c:v>7.0999999999999897E-2</c:v>
                </c:pt>
                <c:pt idx="143">
                  <c:v>7.1499999999999897E-2</c:v>
                </c:pt>
                <c:pt idx="144">
                  <c:v>7.1999999999999995E-2</c:v>
                </c:pt>
                <c:pt idx="145">
                  <c:v>7.2499999999999995E-2</c:v>
                </c:pt>
                <c:pt idx="146">
                  <c:v>7.2999999999999995E-2</c:v>
                </c:pt>
                <c:pt idx="147">
                  <c:v>7.3499999999999996E-2</c:v>
                </c:pt>
                <c:pt idx="148">
                  <c:v>7.3999999999999996E-2</c:v>
                </c:pt>
                <c:pt idx="149">
                  <c:v>7.4499999999999997E-2</c:v>
                </c:pt>
                <c:pt idx="150">
                  <c:v>7.4999999999999997E-2</c:v>
                </c:pt>
                <c:pt idx="151">
                  <c:v>7.5499999999999998E-2</c:v>
                </c:pt>
                <c:pt idx="152">
                  <c:v>7.5999999999999998E-2</c:v>
                </c:pt>
                <c:pt idx="153">
                  <c:v>7.6499999999999999E-2</c:v>
                </c:pt>
                <c:pt idx="154">
                  <c:v>7.6999999999999999E-2</c:v>
                </c:pt>
                <c:pt idx="155">
                  <c:v>7.7499999999999999E-2</c:v>
                </c:pt>
                <c:pt idx="156">
                  <c:v>7.8E-2</c:v>
                </c:pt>
                <c:pt idx="157">
                  <c:v>7.85E-2</c:v>
                </c:pt>
                <c:pt idx="158">
                  <c:v>7.9000000000000001E-2</c:v>
                </c:pt>
                <c:pt idx="159">
                  <c:v>7.9500000000000001E-2</c:v>
                </c:pt>
                <c:pt idx="160">
                  <c:v>0.08</c:v>
                </c:pt>
              </c:numCache>
            </c:numRef>
          </c:xVal>
          <c:yVal>
            <c:numRef>
              <c:f>'[852-DBRL102018D-G10X-Dev37-85-LIV-rev01.xls]plot-sheet'!$P$2:$P$162</c:f>
              <c:numCache>
                <c:formatCode>General</c:formatCode>
                <c:ptCount val="161"/>
                <c:pt idx="0">
                  <c:v>1.1680740000000001</c:v>
                </c:pt>
                <c:pt idx="1">
                  <c:v>1.277919</c:v>
                </c:pt>
                <c:pt idx="2">
                  <c:v>1.320154</c:v>
                </c:pt>
                <c:pt idx="3">
                  <c:v>1.3455600000000001</c:v>
                </c:pt>
                <c:pt idx="4">
                  <c:v>1.3651800000000001</c:v>
                </c:pt>
                <c:pt idx="5">
                  <c:v>1.3819619999999999</c:v>
                </c:pt>
                <c:pt idx="6">
                  <c:v>1.3962680000000001</c:v>
                </c:pt>
                <c:pt idx="7">
                  <c:v>1.4078349999999991</c:v>
                </c:pt>
                <c:pt idx="8">
                  <c:v>1.4205540000000001</c:v>
                </c:pt>
                <c:pt idx="9">
                  <c:v>1.43083</c:v>
                </c:pt>
                <c:pt idx="10">
                  <c:v>1.44093</c:v>
                </c:pt>
                <c:pt idx="11">
                  <c:v>1.450259</c:v>
                </c:pt>
                <c:pt idx="12">
                  <c:v>1.457247</c:v>
                </c:pt>
                <c:pt idx="13">
                  <c:v>1.4657309999999999</c:v>
                </c:pt>
                <c:pt idx="14">
                  <c:v>1.473241</c:v>
                </c:pt>
                <c:pt idx="15">
                  <c:v>1.4803820000000001</c:v>
                </c:pt>
                <c:pt idx="16">
                  <c:v>1.4873959999999999</c:v>
                </c:pt>
                <c:pt idx="17">
                  <c:v>1.4942200000000001</c:v>
                </c:pt>
                <c:pt idx="18">
                  <c:v>1.499757</c:v>
                </c:pt>
                <c:pt idx="19">
                  <c:v>1.5064409999999999</c:v>
                </c:pt>
                <c:pt idx="20">
                  <c:v>1.5119629999999999</c:v>
                </c:pt>
                <c:pt idx="21">
                  <c:v>1.518076</c:v>
                </c:pt>
                <c:pt idx="22">
                  <c:v>1.5237890000000001</c:v>
                </c:pt>
                <c:pt idx="23">
                  <c:v>1.5294700000000001</c:v>
                </c:pt>
                <c:pt idx="24">
                  <c:v>1.5338020000000001</c:v>
                </c:pt>
                <c:pt idx="25">
                  <c:v>1.539204</c:v>
                </c:pt>
                <c:pt idx="26">
                  <c:v>1.5445930000000001</c:v>
                </c:pt>
                <c:pt idx="27">
                  <c:v>1.5499989999999999</c:v>
                </c:pt>
                <c:pt idx="28">
                  <c:v>1.5549489999999999</c:v>
                </c:pt>
                <c:pt idx="29">
                  <c:v>1.5592760000000001</c:v>
                </c:pt>
                <c:pt idx="30">
                  <c:v>1.5643499999999999</c:v>
                </c:pt>
                <c:pt idx="31">
                  <c:v>1.5689</c:v>
                </c:pt>
                <c:pt idx="32">
                  <c:v>1.573874</c:v>
                </c:pt>
                <c:pt idx="33">
                  <c:v>1.5786640000000001</c:v>
                </c:pt>
                <c:pt idx="34">
                  <c:v>1.583547</c:v>
                </c:pt>
                <c:pt idx="35">
                  <c:v>1.5871630000000001</c:v>
                </c:pt>
                <c:pt idx="36">
                  <c:v>1.5915220000000001</c:v>
                </c:pt>
                <c:pt idx="37">
                  <c:v>1.59592</c:v>
                </c:pt>
                <c:pt idx="38">
                  <c:v>1.6003179999999999</c:v>
                </c:pt>
                <c:pt idx="39">
                  <c:v>1.604732</c:v>
                </c:pt>
                <c:pt idx="40">
                  <c:v>1.6090409999999999</c:v>
                </c:pt>
                <c:pt idx="41">
                  <c:v>1.6129089999999999</c:v>
                </c:pt>
                <c:pt idx="42">
                  <c:v>1.616838</c:v>
                </c:pt>
                <c:pt idx="43">
                  <c:v>1.620989</c:v>
                </c:pt>
                <c:pt idx="44">
                  <c:v>1.625149</c:v>
                </c:pt>
                <c:pt idx="45">
                  <c:v>1.6293949999999999</c:v>
                </c:pt>
                <c:pt idx="46">
                  <c:v>1.6325339999999999</c:v>
                </c:pt>
                <c:pt idx="47">
                  <c:v>1.636458</c:v>
                </c:pt>
                <c:pt idx="48">
                  <c:v>1.6402319999999999</c:v>
                </c:pt>
                <c:pt idx="49">
                  <c:v>1.643742</c:v>
                </c:pt>
                <c:pt idx="50">
                  <c:v>1.6465639999999999</c:v>
                </c:pt>
                <c:pt idx="51">
                  <c:v>1.649508</c:v>
                </c:pt>
                <c:pt idx="52">
                  <c:v>1.651327</c:v>
                </c:pt>
                <c:pt idx="53">
                  <c:v>1.655017</c:v>
                </c:pt>
                <c:pt idx="54">
                  <c:v>1.6526559999999999</c:v>
                </c:pt>
                <c:pt idx="55">
                  <c:v>1.655554</c:v>
                </c:pt>
                <c:pt idx="56">
                  <c:v>1.6576839999999999</c:v>
                </c:pt>
                <c:pt idx="57">
                  <c:v>1.6598010000000001</c:v>
                </c:pt>
                <c:pt idx="58">
                  <c:v>1.662725</c:v>
                </c:pt>
                <c:pt idx="59">
                  <c:v>1.6658949999999999</c:v>
                </c:pt>
                <c:pt idx="60">
                  <c:v>1.668952</c:v>
                </c:pt>
                <c:pt idx="61">
                  <c:v>1.671916</c:v>
                </c:pt>
                <c:pt idx="62">
                  <c:v>1.674809</c:v>
                </c:pt>
                <c:pt idx="63">
                  <c:v>1.6774789999999999</c:v>
                </c:pt>
                <c:pt idx="64">
                  <c:v>1.6804570000000001</c:v>
                </c:pt>
                <c:pt idx="65">
                  <c:v>1.683438</c:v>
                </c:pt>
                <c:pt idx="66">
                  <c:v>1.686483</c:v>
                </c:pt>
                <c:pt idx="67">
                  <c:v>1.689324</c:v>
                </c:pt>
                <c:pt idx="68">
                  <c:v>1.692142</c:v>
                </c:pt>
                <c:pt idx="69">
                  <c:v>1.694493</c:v>
                </c:pt>
                <c:pt idx="70">
                  <c:v>1.6974499999999999</c:v>
                </c:pt>
                <c:pt idx="71">
                  <c:v>1.7007829999999999</c:v>
                </c:pt>
                <c:pt idx="72">
                  <c:v>1.7034849999999999</c:v>
                </c:pt>
                <c:pt idx="73">
                  <c:v>1.706418</c:v>
                </c:pt>
                <c:pt idx="74">
                  <c:v>1.7090080000000001</c:v>
                </c:pt>
                <c:pt idx="75">
                  <c:v>1.7118850000000001</c:v>
                </c:pt>
                <c:pt idx="76">
                  <c:v>1.7150369999999999</c:v>
                </c:pt>
                <c:pt idx="77">
                  <c:v>1.7183269999999999</c:v>
                </c:pt>
                <c:pt idx="78">
                  <c:v>1.721365</c:v>
                </c:pt>
                <c:pt idx="79">
                  <c:v>1.7241200000000001</c:v>
                </c:pt>
                <c:pt idx="80">
                  <c:v>1.726375</c:v>
                </c:pt>
                <c:pt idx="81">
                  <c:v>1.729249</c:v>
                </c:pt>
                <c:pt idx="82">
                  <c:v>1.732329</c:v>
                </c:pt>
                <c:pt idx="83">
                  <c:v>1.7353369999999999</c:v>
                </c:pt>
                <c:pt idx="84">
                  <c:v>1.738184</c:v>
                </c:pt>
                <c:pt idx="85">
                  <c:v>1.7410639999999999</c:v>
                </c:pt>
                <c:pt idx="86">
                  <c:v>1.743376</c:v>
                </c:pt>
                <c:pt idx="87">
                  <c:v>1.7462610000000001</c:v>
                </c:pt>
                <c:pt idx="88">
                  <c:v>1.749204</c:v>
                </c:pt>
                <c:pt idx="89">
                  <c:v>1.7523249999999999</c:v>
                </c:pt>
                <c:pt idx="90">
                  <c:v>1.7553000000000001</c:v>
                </c:pt>
                <c:pt idx="91">
                  <c:v>1.757584</c:v>
                </c:pt>
                <c:pt idx="92">
                  <c:v>1.760394</c:v>
                </c:pt>
                <c:pt idx="93">
                  <c:v>1.763272</c:v>
                </c:pt>
                <c:pt idx="94">
                  <c:v>1.76613</c:v>
                </c:pt>
                <c:pt idx="95">
                  <c:v>1.7689699999999999</c:v>
                </c:pt>
                <c:pt idx="96">
                  <c:v>1.771714</c:v>
                </c:pt>
                <c:pt idx="97">
                  <c:v>1.773995</c:v>
                </c:pt>
                <c:pt idx="98">
                  <c:v>1.7768660000000001</c:v>
                </c:pt>
                <c:pt idx="99">
                  <c:v>1.7797050000000001</c:v>
                </c:pt>
                <c:pt idx="100">
                  <c:v>1.7825530000000001</c:v>
                </c:pt>
                <c:pt idx="101">
                  <c:v>1.785406</c:v>
                </c:pt>
                <c:pt idx="102">
                  <c:v>1.787955</c:v>
                </c:pt>
                <c:pt idx="103">
                  <c:v>1.7902100000000001</c:v>
                </c:pt>
                <c:pt idx="104">
                  <c:v>1.793059</c:v>
                </c:pt>
                <c:pt idx="105">
                  <c:v>1.7959480000000001</c:v>
                </c:pt>
                <c:pt idx="106">
                  <c:v>1.7988329999999999</c:v>
                </c:pt>
                <c:pt idx="107">
                  <c:v>1.8017669999999999</c:v>
                </c:pt>
                <c:pt idx="108">
                  <c:v>1.804073</c:v>
                </c:pt>
                <c:pt idx="109">
                  <c:v>1.8068690000000001</c:v>
                </c:pt>
                <c:pt idx="110">
                  <c:v>1.8095699999999999</c:v>
                </c:pt>
                <c:pt idx="111">
                  <c:v>1.8123590000000001</c:v>
                </c:pt>
                <c:pt idx="112">
                  <c:v>1.8148930000000001</c:v>
                </c:pt>
                <c:pt idx="113">
                  <c:v>1.817553</c:v>
                </c:pt>
                <c:pt idx="114">
                  <c:v>1.8196889999999999</c:v>
                </c:pt>
                <c:pt idx="115">
                  <c:v>1.8225340000000001</c:v>
                </c:pt>
                <c:pt idx="116">
                  <c:v>1.8252729999999999</c:v>
                </c:pt>
                <c:pt idx="117">
                  <c:v>1.827942</c:v>
                </c:pt>
                <c:pt idx="118">
                  <c:v>1.830562</c:v>
                </c:pt>
                <c:pt idx="119">
                  <c:v>1.832676</c:v>
                </c:pt>
                <c:pt idx="120">
                  <c:v>1.835475</c:v>
                </c:pt>
                <c:pt idx="121">
                  <c:v>1.8383860000000001</c:v>
                </c:pt>
                <c:pt idx="122">
                  <c:v>1.841297</c:v>
                </c:pt>
                <c:pt idx="123">
                  <c:v>1.843885</c:v>
                </c:pt>
                <c:pt idx="124">
                  <c:v>1.846538</c:v>
                </c:pt>
                <c:pt idx="125">
                  <c:v>1.8487100000000001</c:v>
                </c:pt>
                <c:pt idx="126">
                  <c:v>1.851281</c:v>
                </c:pt>
                <c:pt idx="127">
                  <c:v>1.853891</c:v>
                </c:pt>
                <c:pt idx="128">
                  <c:v>1.8565240000000001</c:v>
                </c:pt>
                <c:pt idx="129">
                  <c:v>1.8591949999999999</c:v>
                </c:pt>
                <c:pt idx="130">
                  <c:v>1.8616429999999999</c:v>
                </c:pt>
                <c:pt idx="131">
                  <c:v>1.8640270000000001</c:v>
                </c:pt>
                <c:pt idx="132">
                  <c:v>1.8664879999999999</c:v>
                </c:pt>
                <c:pt idx="133">
                  <c:v>1.8691789999999999</c:v>
                </c:pt>
                <c:pt idx="134">
                  <c:v>1.8716140000000001</c:v>
                </c:pt>
                <c:pt idx="135">
                  <c:v>1.8742000000000001</c:v>
                </c:pt>
                <c:pt idx="136">
                  <c:v>1.876325</c:v>
                </c:pt>
                <c:pt idx="137">
                  <c:v>1.879032</c:v>
                </c:pt>
                <c:pt idx="138">
                  <c:v>1.8816630000000001</c:v>
                </c:pt>
                <c:pt idx="139">
                  <c:v>1.884274</c:v>
                </c:pt>
                <c:pt idx="140">
                  <c:v>1.886817</c:v>
                </c:pt>
                <c:pt idx="141">
                  <c:v>1.889391</c:v>
                </c:pt>
                <c:pt idx="142">
                  <c:v>1.891581</c:v>
                </c:pt>
                <c:pt idx="143">
                  <c:v>1.8943220000000001</c:v>
                </c:pt>
                <c:pt idx="144">
                  <c:v>1.896808</c:v>
                </c:pt>
                <c:pt idx="145">
                  <c:v>1.899162</c:v>
                </c:pt>
                <c:pt idx="146">
                  <c:v>1.901532</c:v>
                </c:pt>
                <c:pt idx="147">
                  <c:v>1.904163</c:v>
                </c:pt>
                <c:pt idx="148">
                  <c:v>1.906174</c:v>
                </c:pt>
                <c:pt idx="149">
                  <c:v>1.9088339999999999</c:v>
                </c:pt>
                <c:pt idx="150">
                  <c:v>1.911314</c:v>
                </c:pt>
                <c:pt idx="151">
                  <c:v>1.913613</c:v>
                </c:pt>
                <c:pt idx="152">
                  <c:v>1.915988</c:v>
                </c:pt>
                <c:pt idx="153">
                  <c:v>1.9181520000000001</c:v>
                </c:pt>
                <c:pt idx="154">
                  <c:v>1.9208670000000001</c:v>
                </c:pt>
                <c:pt idx="155">
                  <c:v>1.9234279999999999</c:v>
                </c:pt>
                <c:pt idx="156">
                  <c:v>1.9257139999999999</c:v>
                </c:pt>
                <c:pt idx="157">
                  <c:v>1.928077</c:v>
                </c:pt>
                <c:pt idx="158">
                  <c:v>1.9306239999999999</c:v>
                </c:pt>
                <c:pt idx="159">
                  <c:v>1.9331</c:v>
                </c:pt>
                <c:pt idx="160">
                  <c:v>1.9357679999999999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C-C35B-3E4A-BE9D-DDDA28AA4F89}"/>
            </c:ext>
          </c:extLst>
        </c:ser>
        <c:ser>
          <c:idx val="12"/>
          <c:order val="12"/>
          <c:tx>
            <c:strRef>
              <c:f>'[852-DBRL102018D-G10X-Dev37-85-LIV-rev01.xls]plot-sheet'!$Q$1</c:f>
              <c:strCache>
                <c:ptCount val="1"/>
                <c:pt idx="0">
                  <c:v>80°C</c:v>
                </c:pt>
              </c:strCache>
            </c:strRef>
          </c:tx>
          <c:spPr>
            <a:ln>
              <a:solidFill>
                <a:srgbClr val="FF0000"/>
              </a:solidFill>
            </a:ln>
          </c:spPr>
          <c:marker>
            <c:symbol val="none"/>
          </c:marker>
          <c:xVal>
            <c:numRef>
              <c:f>'[852-DBRL102018D-G10X-Dev37-85-LIV-rev01.xls]plot-sheet'!$J$2:$J$162</c:f>
              <c:numCache>
                <c:formatCode>General</c:formatCode>
                <c:ptCount val="161"/>
                <c:pt idx="0">
                  <c:v>0</c:v>
                </c:pt>
                <c:pt idx="1">
                  <c:v>5.0000000000000001E-4</c:v>
                </c:pt>
                <c:pt idx="2">
                  <c:v>1E-3</c:v>
                </c:pt>
                <c:pt idx="3">
                  <c:v>1.5E-3</c:v>
                </c:pt>
                <c:pt idx="4">
                  <c:v>2E-3</c:v>
                </c:pt>
                <c:pt idx="5">
                  <c:v>2.5000000000000001E-3</c:v>
                </c:pt>
                <c:pt idx="6">
                  <c:v>3.0000000000000001E-3</c:v>
                </c:pt>
                <c:pt idx="7">
                  <c:v>3.5000000000000001E-3</c:v>
                </c:pt>
                <c:pt idx="8">
                  <c:v>4.0000000000000001E-3</c:v>
                </c:pt>
                <c:pt idx="9">
                  <c:v>4.4999999999999997E-3</c:v>
                </c:pt>
                <c:pt idx="10">
                  <c:v>5.0000000000000001E-3</c:v>
                </c:pt>
                <c:pt idx="11">
                  <c:v>5.4999999999999997E-3</c:v>
                </c:pt>
                <c:pt idx="12">
                  <c:v>6.0000000000000001E-3</c:v>
                </c:pt>
                <c:pt idx="13">
                  <c:v>6.4999999999999997E-3</c:v>
                </c:pt>
                <c:pt idx="14">
                  <c:v>7.0000000000000001E-3</c:v>
                </c:pt>
                <c:pt idx="15">
                  <c:v>7.4999999999999997E-3</c:v>
                </c:pt>
                <c:pt idx="16">
                  <c:v>8.0000000000000002E-3</c:v>
                </c:pt>
                <c:pt idx="17">
                  <c:v>8.5000000000000006E-3</c:v>
                </c:pt>
                <c:pt idx="18">
                  <c:v>8.9999999999999906E-3</c:v>
                </c:pt>
                <c:pt idx="19">
                  <c:v>9.4999999999999998E-3</c:v>
                </c:pt>
                <c:pt idx="20">
                  <c:v>0.01</c:v>
                </c:pt>
                <c:pt idx="21">
                  <c:v>1.0500000000000001E-2</c:v>
                </c:pt>
                <c:pt idx="22">
                  <c:v>1.0999999999999999E-2</c:v>
                </c:pt>
                <c:pt idx="23">
                  <c:v>1.15E-2</c:v>
                </c:pt>
                <c:pt idx="24">
                  <c:v>1.2E-2</c:v>
                </c:pt>
                <c:pt idx="25">
                  <c:v>1.2500000000000001E-2</c:v>
                </c:pt>
                <c:pt idx="26">
                  <c:v>1.2999999999999999E-2</c:v>
                </c:pt>
                <c:pt idx="27">
                  <c:v>1.35E-2</c:v>
                </c:pt>
                <c:pt idx="28">
                  <c:v>1.4E-2</c:v>
                </c:pt>
                <c:pt idx="29">
                  <c:v>1.4500000000000001E-2</c:v>
                </c:pt>
                <c:pt idx="30">
                  <c:v>1.4999999999999999E-2</c:v>
                </c:pt>
                <c:pt idx="31">
                  <c:v>1.55E-2</c:v>
                </c:pt>
                <c:pt idx="32">
                  <c:v>1.6E-2</c:v>
                </c:pt>
                <c:pt idx="33">
                  <c:v>1.6500000000000001E-2</c:v>
                </c:pt>
                <c:pt idx="34">
                  <c:v>1.7000000000000001E-2</c:v>
                </c:pt>
                <c:pt idx="35">
                  <c:v>1.7500000000000002E-2</c:v>
                </c:pt>
                <c:pt idx="36">
                  <c:v>1.7999999999999999E-2</c:v>
                </c:pt>
                <c:pt idx="37">
                  <c:v>1.8499999999999999E-2</c:v>
                </c:pt>
                <c:pt idx="38">
                  <c:v>1.9E-2</c:v>
                </c:pt>
                <c:pt idx="39">
                  <c:v>1.95E-2</c:v>
                </c:pt>
                <c:pt idx="40">
                  <c:v>0.02</c:v>
                </c:pt>
                <c:pt idx="41">
                  <c:v>2.0500000000000001E-2</c:v>
                </c:pt>
                <c:pt idx="42">
                  <c:v>2.1000000000000001E-2</c:v>
                </c:pt>
                <c:pt idx="43">
                  <c:v>2.1499999999999998E-2</c:v>
                </c:pt>
                <c:pt idx="44">
                  <c:v>2.1999999999999999E-2</c:v>
                </c:pt>
                <c:pt idx="45">
                  <c:v>2.2499999999999999E-2</c:v>
                </c:pt>
                <c:pt idx="46">
                  <c:v>2.3E-2</c:v>
                </c:pt>
                <c:pt idx="47">
                  <c:v>2.35E-2</c:v>
                </c:pt>
                <c:pt idx="48">
                  <c:v>2.4E-2</c:v>
                </c:pt>
                <c:pt idx="49">
                  <c:v>2.4500000000000001E-2</c:v>
                </c:pt>
                <c:pt idx="50">
                  <c:v>2.5000000000000001E-2</c:v>
                </c:pt>
                <c:pt idx="51">
                  <c:v>2.5499999999999998E-2</c:v>
                </c:pt>
                <c:pt idx="52">
                  <c:v>2.5999999999999999E-2</c:v>
                </c:pt>
                <c:pt idx="53">
                  <c:v>2.6499999999999999E-2</c:v>
                </c:pt>
                <c:pt idx="54">
                  <c:v>2.7E-2</c:v>
                </c:pt>
                <c:pt idx="55">
                  <c:v>2.75E-2</c:v>
                </c:pt>
                <c:pt idx="56">
                  <c:v>2.8000000000000001E-2</c:v>
                </c:pt>
                <c:pt idx="57">
                  <c:v>2.8500000000000001E-2</c:v>
                </c:pt>
                <c:pt idx="58">
                  <c:v>2.9000000000000001E-2</c:v>
                </c:pt>
                <c:pt idx="59">
                  <c:v>2.9499999999999998E-2</c:v>
                </c:pt>
                <c:pt idx="60">
                  <c:v>0.03</c:v>
                </c:pt>
                <c:pt idx="61">
                  <c:v>3.0499999999999999E-2</c:v>
                </c:pt>
                <c:pt idx="62">
                  <c:v>3.1E-2</c:v>
                </c:pt>
                <c:pt idx="63">
                  <c:v>3.15E-2</c:v>
                </c:pt>
                <c:pt idx="64">
                  <c:v>3.2000000000000001E-2</c:v>
                </c:pt>
                <c:pt idx="65">
                  <c:v>3.2500000000000001E-2</c:v>
                </c:pt>
                <c:pt idx="66">
                  <c:v>3.3000000000000002E-2</c:v>
                </c:pt>
                <c:pt idx="67">
                  <c:v>3.3500000000000002E-2</c:v>
                </c:pt>
                <c:pt idx="68">
                  <c:v>3.4000000000000002E-2</c:v>
                </c:pt>
                <c:pt idx="69">
                  <c:v>3.4500000000000003E-2</c:v>
                </c:pt>
                <c:pt idx="70">
                  <c:v>3.5000000000000003E-2</c:v>
                </c:pt>
                <c:pt idx="71">
                  <c:v>3.5499999999999997E-2</c:v>
                </c:pt>
                <c:pt idx="72">
                  <c:v>3.5999999999999997E-2</c:v>
                </c:pt>
                <c:pt idx="73">
                  <c:v>3.6499999999999998E-2</c:v>
                </c:pt>
                <c:pt idx="74">
                  <c:v>3.6999999999999998E-2</c:v>
                </c:pt>
                <c:pt idx="75">
                  <c:v>3.7499999999999999E-2</c:v>
                </c:pt>
                <c:pt idx="76">
                  <c:v>3.7999999999999999E-2</c:v>
                </c:pt>
                <c:pt idx="77">
                  <c:v>3.85E-2</c:v>
                </c:pt>
                <c:pt idx="78">
                  <c:v>3.9E-2</c:v>
                </c:pt>
                <c:pt idx="79">
                  <c:v>3.95E-2</c:v>
                </c:pt>
                <c:pt idx="80">
                  <c:v>0.04</c:v>
                </c:pt>
                <c:pt idx="81">
                  <c:v>4.0500000000000001E-2</c:v>
                </c:pt>
                <c:pt idx="82">
                  <c:v>4.1000000000000002E-2</c:v>
                </c:pt>
                <c:pt idx="83">
                  <c:v>4.1500000000000002E-2</c:v>
                </c:pt>
                <c:pt idx="84">
                  <c:v>4.2000000000000003E-2</c:v>
                </c:pt>
                <c:pt idx="85">
                  <c:v>4.2500000000000003E-2</c:v>
                </c:pt>
                <c:pt idx="86">
                  <c:v>4.2999999999999997E-2</c:v>
                </c:pt>
                <c:pt idx="87">
                  <c:v>4.3499999999999997E-2</c:v>
                </c:pt>
                <c:pt idx="88">
                  <c:v>4.3999999999999997E-2</c:v>
                </c:pt>
                <c:pt idx="89">
                  <c:v>4.4499999999999998E-2</c:v>
                </c:pt>
                <c:pt idx="90">
                  <c:v>4.4999999999999998E-2</c:v>
                </c:pt>
                <c:pt idx="91">
                  <c:v>4.5499999999999999E-2</c:v>
                </c:pt>
                <c:pt idx="92">
                  <c:v>4.5999999999999999E-2</c:v>
                </c:pt>
                <c:pt idx="93">
                  <c:v>4.65E-2</c:v>
                </c:pt>
                <c:pt idx="94">
                  <c:v>4.7E-2</c:v>
                </c:pt>
                <c:pt idx="95">
                  <c:v>4.7500000000000001E-2</c:v>
                </c:pt>
                <c:pt idx="96">
                  <c:v>4.8000000000000001E-2</c:v>
                </c:pt>
                <c:pt idx="97">
                  <c:v>4.8500000000000001E-2</c:v>
                </c:pt>
                <c:pt idx="98">
                  <c:v>4.9000000000000002E-2</c:v>
                </c:pt>
                <c:pt idx="99">
                  <c:v>4.9500000000000002E-2</c:v>
                </c:pt>
                <c:pt idx="100">
                  <c:v>0.05</c:v>
                </c:pt>
                <c:pt idx="101">
                  <c:v>5.0500000000000003E-2</c:v>
                </c:pt>
                <c:pt idx="102">
                  <c:v>5.0999999999999997E-2</c:v>
                </c:pt>
                <c:pt idx="103">
                  <c:v>5.1499999999999997E-2</c:v>
                </c:pt>
                <c:pt idx="104">
                  <c:v>5.1999999999999998E-2</c:v>
                </c:pt>
                <c:pt idx="105">
                  <c:v>5.2499999999999998E-2</c:v>
                </c:pt>
                <c:pt idx="106">
                  <c:v>5.2999999999999999E-2</c:v>
                </c:pt>
                <c:pt idx="107">
                  <c:v>5.3499999999999999E-2</c:v>
                </c:pt>
                <c:pt idx="108">
                  <c:v>5.3999999999999999E-2</c:v>
                </c:pt>
                <c:pt idx="109">
                  <c:v>5.45E-2</c:v>
                </c:pt>
                <c:pt idx="110">
                  <c:v>5.5E-2</c:v>
                </c:pt>
                <c:pt idx="111">
                  <c:v>5.5500000000000001E-2</c:v>
                </c:pt>
                <c:pt idx="112">
                  <c:v>5.6000000000000001E-2</c:v>
                </c:pt>
                <c:pt idx="113">
                  <c:v>5.6500000000000002E-2</c:v>
                </c:pt>
                <c:pt idx="114">
                  <c:v>5.7000000000000002E-2</c:v>
                </c:pt>
                <c:pt idx="115">
                  <c:v>5.7500000000000002E-2</c:v>
                </c:pt>
                <c:pt idx="116">
                  <c:v>5.8000000000000003E-2</c:v>
                </c:pt>
                <c:pt idx="117">
                  <c:v>5.8500000000000003E-2</c:v>
                </c:pt>
                <c:pt idx="118">
                  <c:v>5.8999999999999997E-2</c:v>
                </c:pt>
                <c:pt idx="119">
                  <c:v>5.9499999999999997E-2</c:v>
                </c:pt>
                <c:pt idx="120">
                  <c:v>0.06</c:v>
                </c:pt>
                <c:pt idx="121">
                  <c:v>6.0499999999999998E-2</c:v>
                </c:pt>
                <c:pt idx="122">
                  <c:v>6.0999999999999999E-2</c:v>
                </c:pt>
                <c:pt idx="123">
                  <c:v>6.1499999999999999E-2</c:v>
                </c:pt>
                <c:pt idx="124">
                  <c:v>6.2E-2</c:v>
                </c:pt>
                <c:pt idx="125">
                  <c:v>6.25E-2</c:v>
                </c:pt>
                <c:pt idx="126">
                  <c:v>6.3E-2</c:v>
                </c:pt>
                <c:pt idx="127">
                  <c:v>6.3500000000000001E-2</c:v>
                </c:pt>
                <c:pt idx="128">
                  <c:v>6.4000000000000001E-2</c:v>
                </c:pt>
                <c:pt idx="129">
                  <c:v>6.4500000000000002E-2</c:v>
                </c:pt>
                <c:pt idx="130">
                  <c:v>6.5000000000000002E-2</c:v>
                </c:pt>
                <c:pt idx="131">
                  <c:v>6.5500000000000003E-2</c:v>
                </c:pt>
                <c:pt idx="132">
                  <c:v>6.6000000000000003E-2</c:v>
                </c:pt>
                <c:pt idx="133">
                  <c:v>6.6500000000000004E-2</c:v>
                </c:pt>
                <c:pt idx="134">
                  <c:v>6.7000000000000004E-2</c:v>
                </c:pt>
                <c:pt idx="135">
                  <c:v>6.7500000000000004E-2</c:v>
                </c:pt>
                <c:pt idx="136">
                  <c:v>6.8000000000000005E-2</c:v>
                </c:pt>
                <c:pt idx="137">
                  <c:v>6.8500000000000005E-2</c:v>
                </c:pt>
                <c:pt idx="138">
                  <c:v>6.9000000000000006E-2</c:v>
                </c:pt>
                <c:pt idx="139">
                  <c:v>6.9500000000000006E-2</c:v>
                </c:pt>
                <c:pt idx="140">
                  <c:v>7.0000000000000007E-2</c:v>
                </c:pt>
                <c:pt idx="141">
                  <c:v>7.0499999999999896E-2</c:v>
                </c:pt>
                <c:pt idx="142">
                  <c:v>7.0999999999999897E-2</c:v>
                </c:pt>
                <c:pt idx="143">
                  <c:v>7.1499999999999897E-2</c:v>
                </c:pt>
                <c:pt idx="144">
                  <c:v>7.1999999999999995E-2</c:v>
                </c:pt>
                <c:pt idx="145">
                  <c:v>7.2499999999999995E-2</c:v>
                </c:pt>
                <c:pt idx="146">
                  <c:v>7.2999999999999995E-2</c:v>
                </c:pt>
                <c:pt idx="147">
                  <c:v>7.3499999999999996E-2</c:v>
                </c:pt>
                <c:pt idx="148">
                  <c:v>7.3999999999999996E-2</c:v>
                </c:pt>
                <c:pt idx="149">
                  <c:v>7.4499999999999997E-2</c:v>
                </c:pt>
                <c:pt idx="150">
                  <c:v>7.4999999999999997E-2</c:v>
                </c:pt>
                <c:pt idx="151">
                  <c:v>7.5499999999999998E-2</c:v>
                </c:pt>
                <c:pt idx="152">
                  <c:v>7.5999999999999998E-2</c:v>
                </c:pt>
                <c:pt idx="153">
                  <c:v>7.6499999999999999E-2</c:v>
                </c:pt>
                <c:pt idx="154">
                  <c:v>7.6999999999999999E-2</c:v>
                </c:pt>
                <c:pt idx="155">
                  <c:v>7.7499999999999999E-2</c:v>
                </c:pt>
                <c:pt idx="156">
                  <c:v>7.8E-2</c:v>
                </c:pt>
                <c:pt idx="157">
                  <c:v>7.85E-2</c:v>
                </c:pt>
                <c:pt idx="158">
                  <c:v>7.9000000000000001E-2</c:v>
                </c:pt>
                <c:pt idx="159">
                  <c:v>7.9500000000000001E-2</c:v>
                </c:pt>
                <c:pt idx="160">
                  <c:v>0.08</c:v>
                </c:pt>
              </c:numCache>
            </c:numRef>
          </c:xVal>
          <c:yVal>
            <c:numRef>
              <c:f>'[852-DBRL102018D-G10X-Dev37-85-LIV-rev01.xls]plot-sheet'!$Q$2:$Q$162</c:f>
              <c:numCache>
                <c:formatCode>General</c:formatCode>
                <c:ptCount val="161"/>
                <c:pt idx="0">
                  <c:v>0.95102989500000001</c:v>
                </c:pt>
                <c:pt idx="1">
                  <c:v>1.0497855300000001</c:v>
                </c:pt>
                <c:pt idx="2">
                  <c:v>1.0981830425000001</c:v>
                </c:pt>
                <c:pt idx="3">
                  <c:v>1.1324210425000001</c:v>
                </c:pt>
                <c:pt idx="4">
                  <c:v>1.1615055775000001</c:v>
                </c:pt>
                <c:pt idx="5">
                  <c:v>1.1877283325000001</c:v>
                </c:pt>
                <c:pt idx="6">
                  <c:v>1.2078738425</c:v>
                </c:pt>
                <c:pt idx="7">
                  <c:v>1.223079875</c:v>
                </c:pt>
                <c:pt idx="8">
                  <c:v>1.2447523675000001</c:v>
                </c:pt>
                <c:pt idx="9">
                  <c:v>1.2667228275</c:v>
                </c:pt>
                <c:pt idx="10">
                  <c:v>1.297372297499999</c:v>
                </c:pt>
                <c:pt idx="11">
                  <c:v>1.3071971499999999</c:v>
                </c:pt>
                <c:pt idx="12">
                  <c:v>1.3137879649999999</c:v>
                </c:pt>
                <c:pt idx="13">
                  <c:v>1.3233673374999999</c:v>
                </c:pt>
                <c:pt idx="14">
                  <c:v>1.3302956875</c:v>
                </c:pt>
                <c:pt idx="15">
                  <c:v>1.3448516825000001</c:v>
                </c:pt>
                <c:pt idx="16">
                  <c:v>1.3691768124999999</c:v>
                </c:pt>
                <c:pt idx="17">
                  <c:v>1.38099942</c:v>
                </c:pt>
                <c:pt idx="18">
                  <c:v>1.3809929599999999</c:v>
                </c:pt>
                <c:pt idx="19">
                  <c:v>1.3790153924999999</c:v>
                </c:pt>
                <c:pt idx="20">
                  <c:v>1.3891180249999999</c:v>
                </c:pt>
                <c:pt idx="21">
                  <c:v>1.411812005</c:v>
                </c:pt>
                <c:pt idx="22">
                  <c:v>1.4294639549999999</c:v>
                </c:pt>
                <c:pt idx="23">
                  <c:v>1.435336095</c:v>
                </c:pt>
                <c:pt idx="24">
                  <c:v>1.4394567675000001</c:v>
                </c:pt>
                <c:pt idx="25">
                  <c:v>1.43425566</c:v>
                </c:pt>
                <c:pt idx="26">
                  <c:v>1.4425204224999999</c:v>
                </c:pt>
                <c:pt idx="27">
                  <c:v>1.455798144999999</c:v>
                </c:pt>
                <c:pt idx="28">
                  <c:v>1.46559635</c:v>
                </c:pt>
                <c:pt idx="29">
                  <c:v>1.4696782625</c:v>
                </c:pt>
                <c:pt idx="30">
                  <c:v>1.477897805</c:v>
                </c:pt>
                <c:pt idx="31">
                  <c:v>1.4847752825</c:v>
                </c:pt>
                <c:pt idx="32">
                  <c:v>1.4939299100000001</c:v>
                </c:pt>
                <c:pt idx="33">
                  <c:v>1.50527367</c:v>
                </c:pt>
                <c:pt idx="34">
                  <c:v>1.5145332725</c:v>
                </c:pt>
                <c:pt idx="35">
                  <c:v>1.5201647775</c:v>
                </c:pt>
                <c:pt idx="36">
                  <c:v>1.525382035</c:v>
                </c:pt>
                <c:pt idx="37">
                  <c:v>1.5291102624999999</c:v>
                </c:pt>
                <c:pt idx="38">
                  <c:v>1.5359077974999991</c:v>
                </c:pt>
                <c:pt idx="39">
                  <c:v>1.5445528925000001</c:v>
                </c:pt>
                <c:pt idx="40">
                  <c:v>1.552837035</c:v>
                </c:pt>
                <c:pt idx="41">
                  <c:v>1.5564053775</c:v>
                </c:pt>
                <c:pt idx="42">
                  <c:v>1.561833392499999</c:v>
                </c:pt>
                <c:pt idx="43">
                  <c:v>1.5673768800000001</c:v>
                </c:pt>
                <c:pt idx="44">
                  <c:v>1.5703056824999999</c:v>
                </c:pt>
                <c:pt idx="45">
                  <c:v>1.5769433325</c:v>
                </c:pt>
                <c:pt idx="46">
                  <c:v>1.58278721</c:v>
                </c:pt>
                <c:pt idx="47">
                  <c:v>1.5901104275</c:v>
                </c:pt>
                <c:pt idx="48">
                  <c:v>1.59352373</c:v>
                </c:pt>
                <c:pt idx="49">
                  <c:v>1.5974409125</c:v>
                </c:pt>
                <c:pt idx="50">
                  <c:v>1.6017263150000001</c:v>
                </c:pt>
                <c:pt idx="51">
                  <c:v>1.6049886149999999</c:v>
                </c:pt>
                <c:pt idx="52">
                  <c:v>1.6104279349999999</c:v>
                </c:pt>
                <c:pt idx="53">
                  <c:v>1.61848517</c:v>
                </c:pt>
                <c:pt idx="54">
                  <c:v>1.6246294375000001</c:v>
                </c:pt>
                <c:pt idx="55">
                  <c:v>1.6225864624999999</c:v>
                </c:pt>
                <c:pt idx="56">
                  <c:v>1.6218556749999999</c:v>
                </c:pt>
                <c:pt idx="57">
                  <c:v>1.6225638524999999</c:v>
                </c:pt>
                <c:pt idx="58">
                  <c:v>1.62481597</c:v>
                </c:pt>
                <c:pt idx="59">
                  <c:v>1.6322514299999999</c:v>
                </c:pt>
                <c:pt idx="60">
                  <c:v>1.6347651775000001</c:v>
                </c:pt>
                <c:pt idx="61">
                  <c:v>1.637601925</c:v>
                </c:pt>
                <c:pt idx="62">
                  <c:v>1.6392266150000001</c:v>
                </c:pt>
                <c:pt idx="63">
                  <c:v>1.6411751125</c:v>
                </c:pt>
                <c:pt idx="64">
                  <c:v>1.645909485</c:v>
                </c:pt>
                <c:pt idx="65">
                  <c:v>1.6642195474999999</c:v>
                </c:pt>
                <c:pt idx="66">
                  <c:v>1.6632214775</c:v>
                </c:pt>
                <c:pt idx="67">
                  <c:v>1.6635113699999999</c:v>
                </c:pt>
                <c:pt idx="68">
                  <c:v>1.6615564125</c:v>
                </c:pt>
                <c:pt idx="69">
                  <c:v>1.6508489625</c:v>
                </c:pt>
                <c:pt idx="70">
                  <c:v>1.6539707575</c:v>
                </c:pt>
                <c:pt idx="71">
                  <c:v>1.66735184</c:v>
                </c:pt>
                <c:pt idx="72">
                  <c:v>1.694210905</c:v>
                </c:pt>
                <c:pt idx="73">
                  <c:v>1.6888709074999999</c:v>
                </c:pt>
                <c:pt idx="74">
                  <c:v>1.6841397650000001</c:v>
                </c:pt>
                <c:pt idx="75">
                  <c:v>1.6788393349999999</c:v>
                </c:pt>
                <c:pt idx="76">
                  <c:v>1.680137795</c:v>
                </c:pt>
                <c:pt idx="77">
                  <c:v>1.6891979450000001</c:v>
                </c:pt>
                <c:pt idx="78">
                  <c:v>1.6920217725</c:v>
                </c:pt>
                <c:pt idx="79">
                  <c:v>1.6940001474999999</c:v>
                </c:pt>
                <c:pt idx="80">
                  <c:v>1.6946921749999999</c:v>
                </c:pt>
                <c:pt idx="81">
                  <c:v>1.6972624475</c:v>
                </c:pt>
                <c:pt idx="82">
                  <c:v>1.7024562875</c:v>
                </c:pt>
                <c:pt idx="83">
                  <c:v>1.710018525</c:v>
                </c:pt>
                <c:pt idx="84">
                  <c:v>1.7148425300000001</c:v>
                </c:pt>
                <c:pt idx="85">
                  <c:v>1.7164954825000001</c:v>
                </c:pt>
                <c:pt idx="86">
                  <c:v>1.7178819599999999</c:v>
                </c:pt>
                <c:pt idx="87">
                  <c:v>1.7223458199999999</c:v>
                </c:pt>
                <c:pt idx="88">
                  <c:v>1.7268524775</c:v>
                </c:pt>
                <c:pt idx="89">
                  <c:v>1.7308512174999999</c:v>
                </c:pt>
                <c:pt idx="90">
                  <c:v>1.7356623025</c:v>
                </c:pt>
                <c:pt idx="91">
                  <c:v>1.7385434625</c:v>
                </c:pt>
                <c:pt idx="92">
                  <c:v>1.7416870600000001</c:v>
                </c:pt>
                <c:pt idx="93">
                  <c:v>1.7441846575</c:v>
                </c:pt>
                <c:pt idx="94">
                  <c:v>1.7470084850000001</c:v>
                </c:pt>
                <c:pt idx="95">
                  <c:v>1.7508481474999991</c:v>
                </c:pt>
                <c:pt idx="96">
                  <c:v>1.7551763474999991</c:v>
                </c:pt>
                <c:pt idx="97">
                  <c:v>1.7582529225000001</c:v>
                </c:pt>
                <c:pt idx="98">
                  <c:v>1.7614134775000001</c:v>
                </c:pt>
                <c:pt idx="99">
                  <c:v>1.7638279025000001</c:v>
                </c:pt>
                <c:pt idx="100">
                  <c:v>1.7676498</c:v>
                </c:pt>
                <c:pt idx="101">
                  <c:v>1.7712706300000001</c:v>
                </c:pt>
                <c:pt idx="102">
                  <c:v>1.7748793475</c:v>
                </c:pt>
                <c:pt idx="103">
                  <c:v>1.777625655</c:v>
                </c:pt>
                <c:pt idx="104">
                  <c:v>1.77848322</c:v>
                </c:pt>
                <c:pt idx="105">
                  <c:v>1.7792931425</c:v>
                </c:pt>
                <c:pt idx="106">
                  <c:v>1.7787908775000001</c:v>
                </c:pt>
                <c:pt idx="107">
                  <c:v>1.7793916574999991</c:v>
                </c:pt>
                <c:pt idx="108">
                  <c:v>1.7822324425</c:v>
                </c:pt>
                <c:pt idx="109">
                  <c:v>1.79195232</c:v>
                </c:pt>
                <c:pt idx="110">
                  <c:v>1.7875974724999999</c:v>
                </c:pt>
                <c:pt idx="111">
                  <c:v>1.7845814600000001</c:v>
                </c:pt>
                <c:pt idx="112">
                  <c:v>1.7819740424999999</c:v>
                </c:pt>
                <c:pt idx="113">
                  <c:v>1.7696394799999999</c:v>
                </c:pt>
                <c:pt idx="114">
                  <c:v>1.7734201949999999</c:v>
                </c:pt>
                <c:pt idx="115">
                  <c:v>1.7828001149999999</c:v>
                </c:pt>
                <c:pt idx="116">
                  <c:v>1.7862155</c:v>
                </c:pt>
                <c:pt idx="117">
                  <c:v>1.789906556451613</c:v>
                </c:pt>
                <c:pt idx="118">
                  <c:v>1.7935976129032261</c:v>
                </c:pt>
                <c:pt idx="119">
                  <c:v>1.79728866935484</c:v>
                </c:pt>
                <c:pt idx="120">
                  <c:v>1.8009797258064519</c:v>
                </c:pt>
                <c:pt idx="121">
                  <c:v>1.8046707822580641</c:v>
                </c:pt>
                <c:pt idx="122">
                  <c:v>1.8083618387096769</c:v>
                </c:pt>
                <c:pt idx="123">
                  <c:v>1.8120528951612911</c:v>
                </c:pt>
                <c:pt idx="124">
                  <c:v>1.815743951612903</c:v>
                </c:pt>
                <c:pt idx="125">
                  <c:v>1.8194350080645161</c:v>
                </c:pt>
                <c:pt idx="126">
                  <c:v>1.82312606451613</c:v>
                </c:pt>
                <c:pt idx="127">
                  <c:v>1.826817120967742</c:v>
                </c:pt>
                <c:pt idx="128">
                  <c:v>1.830508177419355</c:v>
                </c:pt>
                <c:pt idx="129">
                  <c:v>1.8341992338709681</c:v>
                </c:pt>
                <c:pt idx="130">
                  <c:v>1.83789029032258</c:v>
                </c:pt>
                <c:pt idx="131">
                  <c:v>1.8415813467741931</c:v>
                </c:pt>
                <c:pt idx="132">
                  <c:v>1.8452724032258061</c:v>
                </c:pt>
                <c:pt idx="133">
                  <c:v>1.8489634596774189</c:v>
                </c:pt>
                <c:pt idx="134">
                  <c:v>1.852654516129032</c:v>
                </c:pt>
                <c:pt idx="135">
                  <c:v>1.856345572580645</c:v>
                </c:pt>
                <c:pt idx="136">
                  <c:v>1.8600366290322581</c:v>
                </c:pt>
                <c:pt idx="137">
                  <c:v>1.8637276854838709</c:v>
                </c:pt>
                <c:pt idx="138">
                  <c:v>1.867418741935484</c:v>
                </c:pt>
                <c:pt idx="139">
                  <c:v>1.8711097983870959</c:v>
                </c:pt>
                <c:pt idx="140">
                  <c:v>1.8748008548387101</c:v>
                </c:pt>
                <c:pt idx="141">
                  <c:v>1.878491911290322</c:v>
                </c:pt>
                <c:pt idx="142">
                  <c:v>1.8821829677419359</c:v>
                </c:pt>
                <c:pt idx="143">
                  <c:v>1.8858740241935481</c:v>
                </c:pt>
                <c:pt idx="144">
                  <c:v>1.8895650806451609</c:v>
                </c:pt>
                <c:pt idx="145">
                  <c:v>1.893256137096774</c:v>
                </c:pt>
                <c:pt idx="146">
                  <c:v>1.896947193548387</c:v>
                </c:pt>
                <c:pt idx="147">
                  <c:v>1.9006382500000001</c:v>
                </c:pt>
                <c:pt idx="148">
                  <c:v>1.9010415325000001</c:v>
                </c:pt>
                <c:pt idx="149">
                  <c:v>1.8894676349999999</c:v>
                </c:pt>
                <c:pt idx="150">
                  <c:v>1.888720697499999</c:v>
                </c:pt>
                <c:pt idx="151">
                  <c:v>1.8876499524999999</c:v>
                </c:pt>
                <c:pt idx="152">
                  <c:v>1.887325337499999</c:v>
                </c:pt>
                <c:pt idx="153">
                  <c:v>1.8869845725000001</c:v>
                </c:pt>
                <c:pt idx="154">
                  <c:v>1.8865323725000001</c:v>
                </c:pt>
                <c:pt idx="155">
                  <c:v>1.88418174</c:v>
                </c:pt>
                <c:pt idx="156">
                  <c:v>1.8840598074999999</c:v>
                </c:pt>
                <c:pt idx="157">
                  <c:v>1.8882531549999999</c:v>
                </c:pt>
                <c:pt idx="158">
                  <c:v>1.8951128675</c:v>
                </c:pt>
                <c:pt idx="159">
                  <c:v>1.8966293525</c:v>
                </c:pt>
                <c:pt idx="160">
                  <c:v>1.8996477874999991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D-C35B-3E4A-BE9D-DDDA28AA4F8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-2072716952"/>
        <c:axId val="-2072373944"/>
      </c:scatterChart>
      <c:valAx>
        <c:axId val="-2072212408"/>
        <c:scaling>
          <c:orientation val="minMax"/>
          <c:max val="0.08"/>
          <c:min val="0"/>
        </c:scaling>
        <c:delete val="0"/>
        <c:axPos val="b"/>
        <c:title>
          <c:tx>
            <c:rich>
              <a:bodyPr/>
              <a:lstStyle/>
              <a:p>
                <a:pPr>
                  <a:defRPr baseline="0"/>
                </a:pPr>
                <a:r>
                  <a:rPr lang="en-US" baseline="0"/>
                  <a:t>Current (A)</a:t>
                </a:r>
              </a:p>
            </c:rich>
          </c:tx>
          <c:overlay val="0"/>
        </c:title>
        <c:numFmt formatCode="General" sourceLinked="1"/>
        <c:majorTickMark val="out"/>
        <c:minorTickMark val="none"/>
        <c:tickLblPos val="nextTo"/>
        <c:txPr>
          <a:bodyPr rot="0" vert="horz"/>
          <a:lstStyle/>
          <a:p>
            <a:pPr>
              <a:defRPr/>
            </a:pPr>
            <a:endParaRPr lang="en-US"/>
          </a:p>
        </c:txPr>
        <c:crossAx val="-2072231496"/>
        <c:crosses val="autoZero"/>
        <c:crossBetween val="midCat"/>
      </c:valAx>
      <c:valAx>
        <c:axId val="-2072231496"/>
        <c:scaling>
          <c:orientation val="minMax"/>
          <c:max val="0.05"/>
          <c:min val="0"/>
        </c:scaling>
        <c:delete val="0"/>
        <c:axPos val="l"/>
        <c:majorGridlines/>
        <c:title>
          <c:tx>
            <c:rich>
              <a:bodyPr/>
              <a:lstStyle/>
              <a:p>
                <a:pPr>
                  <a:defRPr/>
                </a:pPr>
                <a:r>
                  <a:rPr lang="en-US"/>
                  <a:t>Output (W)</a:t>
                </a:r>
              </a:p>
            </c:rich>
          </c:tx>
          <c:overlay val="0"/>
        </c:title>
        <c:numFmt formatCode="General" sourceLinked="1"/>
        <c:majorTickMark val="out"/>
        <c:minorTickMark val="none"/>
        <c:tickLblPos val="nextTo"/>
        <c:txPr>
          <a:bodyPr rot="0" vert="horz"/>
          <a:lstStyle/>
          <a:p>
            <a:pPr>
              <a:defRPr/>
            </a:pPr>
            <a:endParaRPr lang="en-US"/>
          </a:p>
        </c:txPr>
        <c:crossAx val="-2072212408"/>
        <c:crosses val="autoZero"/>
        <c:crossBetween val="midCat"/>
      </c:valAx>
      <c:valAx>
        <c:axId val="-2072716952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-2072373944"/>
        <c:crosses val="autoZero"/>
        <c:crossBetween val="midCat"/>
      </c:valAx>
      <c:valAx>
        <c:axId val="-2072373944"/>
        <c:scaling>
          <c:orientation val="minMax"/>
          <c:max val="2.5"/>
        </c:scaling>
        <c:delete val="0"/>
        <c:axPos val="r"/>
        <c:title>
          <c:tx>
            <c:rich>
              <a:bodyPr/>
              <a:lstStyle/>
              <a:p>
                <a:pPr>
                  <a:defRPr baseline="0"/>
                </a:pPr>
                <a:r>
                  <a:rPr lang="en-US" baseline="0"/>
                  <a:t>Voltage (V)</a:t>
                </a:r>
              </a:p>
            </c:rich>
          </c:tx>
          <c:overlay val="0"/>
        </c:title>
        <c:numFmt formatCode="General" sourceLinked="1"/>
        <c:majorTickMark val="out"/>
        <c:minorTickMark val="none"/>
        <c:tickLblPos val="nextTo"/>
        <c:txPr>
          <a:bodyPr rot="0" vert="horz"/>
          <a:lstStyle/>
          <a:p>
            <a:pPr>
              <a:defRPr/>
            </a:pPr>
            <a:endParaRPr lang="en-US"/>
          </a:p>
        </c:txPr>
        <c:crossAx val="-2072716952"/>
        <c:crosses val="max"/>
        <c:crossBetween val="midCat"/>
      </c:valAx>
    </c:plotArea>
    <c:plotVisOnly val="1"/>
    <c:dispBlanksAs val="gap"/>
    <c:showDLblsOverMax val="0"/>
  </c:chart>
  <c:spPr>
    <a:solidFill>
      <a:schemeClr val="lt1"/>
    </a:solidFill>
    <a:ln w="25400" cap="flat" cmpd="sng" algn="ctr">
      <a:noFill/>
      <a:prstDash val="solid"/>
    </a:ln>
    <a:effectLst/>
  </c:spPr>
  <c:txPr>
    <a:bodyPr/>
    <a:lstStyle/>
    <a:p>
      <a:pPr>
        <a:defRPr sz="500" baseline="0">
          <a:solidFill>
            <a:schemeClr val="dk1"/>
          </a:solidFill>
          <a:latin typeface="+mn-lt"/>
          <a:ea typeface="+mn-ea"/>
          <a:cs typeface="+mn-cs"/>
        </a:defRPr>
      </a:pPr>
      <a:endParaRPr lang="en-US"/>
    </a:p>
  </c:txPr>
  <c:externalData r:id="rId2">
    <c:autoUpdate val="0"/>
  </c:externalData>
  <c:userShapes r:id="rId3"/>
</c:chartSpace>
</file>

<file path=ppt/drawings/drawing1.xml><?xml version="1.0" encoding="utf-8"?>
<c:userShapes xmlns:c="http://schemas.openxmlformats.org/drawingml/2006/chart">
  <cdr:relSizeAnchor xmlns:cdr="http://schemas.openxmlformats.org/drawingml/2006/chartDrawing">
    <cdr:from>
      <cdr:x>0.23904</cdr:x>
      <cdr:y>0.63323</cdr:y>
    </cdr:from>
    <cdr:to>
      <cdr:x>0.42222</cdr:x>
      <cdr:y>0.76543</cdr:y>
    </cdr:to>
    <cdr:sp macro="" textlink="">
      <cdr:nvSpPr>
        <cdr:cNvPr id="2" name="Rounded Rectangle 1"/>
        <cdr:cNvSpPr/>
      </cdr:nvSpPr>
      <cdr:spPr>
        <a:xfrm xmlns:a="http://schemas.openxmlformats.org/drawingml/2006/main">
          <a:off x="491816" y="1003101"/>
          <a:ext cx="376878" cy="209415"/>
        </a:xfrm>
        <a:prstGeom xmlns:a="http://schemas.openxmlformats.org/drawingml/2006/main" prst="roundRect">
          <a:avLst/>
        </a:prstGeom>
        <a:noFill xmlns:a="http://schemas.openxmlformats.org/drawingml/2006/main"/>
        <a:ln xmlns:a="http://schemas.openxmlformats.org/drawingml/2006/main" w="9525">
          <a:noFill/>
        </a:ln>
      </cdr:spPr>
      <cdr:style>
        <a:lnRef xmlns:a="http://schemas.openxmlformats.org/drawingml/2006/main" idx="2">
          <a:schemeClr val="accent1">
            <a:shade val="50000"/>
          </a:schemeClr>
        </a:lnRef>
        <a:fillRef xmlns:a="http://schemas.openxmlformats.org/drawingml/2006/main" idx="1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lt1"/>
        </a:fontRef>
      </cdr:style>
      <cdr:txBody>
        <a:bodyPr xmlns:a="http://schemas.openxmlformats.org/drawingml/2006/main" vertOverflow="clip"/>
        <a:lstStyle xmlns:a="http://schemas.openxmlformats.org/drawingml/2006/main"/>
        <a:p xmlns:a="http://schemas.openxmlformats.org/drawingml/2006/main">
          <a:r>
            <a:rPr lang="en-US" sz="600" b="1" dirty="0">
              <a:solidFill>
                <a:sysClr val="windowText" lastClr="000000"/>
              </a:solidFill>
            </a:rPr>
            <a:t>20°C</a:t>
          </a:r>
        </a:p>
      </cdr:txBody>
    </cdr:sp>
  </cdr:relSizeAnchor>
  <cdr:relSizeAnchor xmlns:cdr="http://schemas.openxmlformats.org/drawingml/2006/chartDrawing">
    <cdr:from>
      <cdr:x>0.50762</cdr:x>
      <cdr:y>0.45156</cdr:y>
    </cdr:from>
    <cdr:to>
      <cdr:x>0.67904</cdr:x>
      <cdr:y>0.616</cdr:y>
    </cdr:to>
    <cdr:sp macro="" textlink="">
      <cdr:nvSpPr>
        <cdr:cNvPr id="3" name="Rounded Rectangle 2"/>
        <cdr:cNvSpPr/>
      </cdr:nvSpPr>
      <cdr:spPr>
        <a:xfrm xmlns:a="http://schemas.openxmlformats.org/drawingml/2006/main">
          <a:off x="1044401" y="715308"/>
          <a:ext cx="352668" cy="260487"/>
        </a:xfrm>
        <a:prstGeom xmlns:a="http://schemas.openxmlformats.org/drawingml/2006/main" prst="roundRect">
          <a:avLst/>
        </a:prstGeom>
        <a:noFill xmlns:a="http://schemas.openxmlformats.org/drawingml/2006/main"/>
        <a:ln xmlns:a="http://schemas.openxmlformats.org/drawingml/2006/main" w="9525">
          <a:noFill/>
        </a:ln>
      </cdr:spPr>
      <cdr:style>
        <a:lnRef xmlns:a="http://schemas.openxmlformats.org/drawingml/2006/main" idx="2">
          <a:schemeClr val="accent1">
            <a:shade val="50000"/>
          </a:schemeClr>
        </a:lnRef>
        <a:fillRef xmlns:a="http://schemas.openxmlformats.org/drawingml/2006/main" idx="1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lt1"/>
        </a:fontRef>
      </cdr:style>
      <cdr:txBody>
        <a:bodyPr xmlns:a="http://schemas.openxmlformats.org/drawingml/2006/main"/>
        <a:lstStyle xmlns:a="http://schemas.openxmlformats.org/drawingml/2006/main">
          <a:lvl1pPr marL="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1pPr>
          <a:lvl2pPr marL="457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2pPr>
          <a:lvl3pPr marL="914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3pPr>
          <a:lvl4pPr marL="1371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4pPr>
          <a:lvl5pPr marL="18288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5pPr>
          <a:lvl6pPr marL="22860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6pPr>
          <a:lvl7pPr marL="2743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7pPr>
          <a:lvl8pPr marL="3200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8pPr>
          <a:lvl9pPr marL="3657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r>
            <a:rPr lang="en-US" sz="600" b="1" dirty="0">
              <a:solidFill>
                <a:sysClr val="windowText" lastClr="000000"/>
              </a:solidFill>
            </a:rPr>
            <a:t>50°C</a:t>
          </a:r>
        </a:p>
      </cdr:txBody>
    </cdr:sp>
  </cdr:relSizeAnchor>
  <cdr:relSizeAnchor xmlns:cdr="http://schemas.openxmlformats.org/drawingml/2006/chartDrawing">
    <cdr:from>
      <cdr:x>0.74295</cdr:x>
      <cdr:y>0.31136</cdr:y>
    </cdr:from>
    <cdr:to>
      <cdr:x>0.92238</cdr:x>
      <cdr:y>0.48165</cdr:y>
    </cdr:to>
    <cdr:sp macro="" textlink="">
      <cdr:nvSpPr>
        <cdr:cNvPr id="4" name="Rounded Rectangle 3"/>
        <cdr:cNvSpPr/>
      </cdr:nvSpPr>
      <cdr:spPr>
        <a:xfrm xmlns:a="http://schemas.openxmlformats.org/drawingml/2006/main">
          <a:off x="1528570" y="493221"/>
          <a:ext cx="369163" cy="269757"/>
        </a:xfrm>
        <a:prstGeom xmlns:a="http://schemas.openxmlformats.org/drawingml/2006/main" prst="roundRect">
          <a:avLst/>
        </a:prstGeom>
        <a:noFill xmlns:a="http://schemas.openxmlformats.org/drawingml/2006/main"/>
        <a:ln xmlns:a="http://schemas.openxmlformats.org/drawingml/2006/main" w="9525">
          <a:noFill/>
        </a:ln>
      </cdr:spPr>
      <cdr:style>
        <a:lnRef xmlns:a="http://schemas.openxmlformats.org/drawingml/2006/main" idx="2">
          <a:schemeClr val="accent1">
            <a:shade val="50000"/>
          </a:schemeClr>
        </a:lnRef>
        <a:fillRef xmlns:a="http://schemas.openxmlformats.org/drawingml/2006/main" idx="1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lt1"/>
        </a:fontRef>
      </cdr:style>
      <cdr:txBody>
        <a:bodyPr xmlns:a="http://schemas.openxmlformats.org/drawingml/2006/main"/>
        <a:lstStyle xmlns:a="http://schemas.openxmlformats.org/drawingml/2006/main">
          <a:lvl1pPr marL="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1pPr>
          <a:lvl2pPr marL="457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2pPr>
          <a:lvl3pPr marL="914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3pPr>
          <a:lvl4pPr marL="1371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4pPr>
          <a:lvl5pPr marL="18288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5pPr>
          <a:lvl6pPr marL="22860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6pPr>
          <a:lvl7pPr marL="2743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7pPr>
          <a:lvl8pPr marL="3200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8pPr>
          <a:lvl9pPr marL="3657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r>
            <a:rPr lang="en-US" sz="600" b="1" dirty="0">
              <a:solidFill>
                <a:sysClr val="windowText" lastClr="000000"/>
              </a:solidFill>
            </a:rPr>
            <a:t>80°C</a:t>
          </a:r>
        </a:p>
      </cdr:txBody>
    </cdr:sp>
  </cdr:relSizeAnchor>
</c:userShape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6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l">
              <a:defRPr sz="1200"/>
            </a:lvl1pPr>
          </a:lstStyle>
          <a:p>
            <a:endParaRPr lang="en-US" dirty="0">
              <a:latin typeface="Helvetica Neue Regular" panose="02000503000000020004" pitchFamily="2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970938" y="0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r">
              <a:defRPr sz="1200"/>
            </a:lvl1pPr>
          </a:lstStyle>
          <a:p>
            <a:fld id="{6EB4B2F9-2BF3-7849-81CC-5960F5D09798}" type="datetimeFigureOut">
              <a:rPr lang="en-US" smtClean="0">
                <a:latin typeface="Helvetica Neue Regular" panose="02000503000000020004" pitchFamily="2" charset="0"/>
              </a:rPr>
              <a:t>5/27/2021</a:t>
            </a:fld>
            <a:endParaRPr lang="en-US" dirty="0">
              <a:latin typeface="Helvetica Neue Regular" panose="02000503000000020004" pitchFamily="2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829967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l">
              <a:defRPr sz="1200"/>
            </a:lvl1pPr>
          </a:lstStyle>
          <a:p>
            <a:endParaRPr lang="en-US" dirty="0">
              <a:latin typeface="Helvetica Neue Regular" panose="02000503000000020004" pitchFamily="2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70938" y="8829967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r">
              <a:defRPr sz="1200"/>
            </a:lvl1pPr>
          </a:lstStyle>
          <a:p>
            <a:fld id="{4F0CCC10-3676-004C-85E9-F7A3418A2B73}" type="slidenum">
              <a:rPr lang="en-US" smtClean="0">
                <a:latin typeface="Helvetica Neue Regular" panose="02000503000000020004" pitchFamily="2" charset="0"/>
              </a:rPr>
              <a:t>‹#›</a:t>
            </a:fld>
            <a:endParaRPr lang="en-US" dirty="0">
              <a:latin typeface="Helvetica Neue Regular" panose="02000503000000020004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88825639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l">
              <a:defRPr sz="1200" b="0" i="0">
                <a:latin typeface="Helvetica Neue Regular" panose="02000503000000020004" pitchFamily="2" charset="0"/>
                <a:ea typeface="ヒラギノ明朝 ProN W3" charset="0"/>
                <a:cs typeface="ヒラギノ明朝 ProN W3" charset="0"/>
                <a:sym typeface="Bradley Hand ITC TT-Bold" charset="0"/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38" y="0"/>
            <a:ext cx="3037840" cy="464820"/>
          </a:xfrm>
          <a:prstGeom prst="rect">
            <a:avLst/>
          </a:prstGeom>
        </p:spPr>
        <p:txBody>
          <a:bodyPr vert="horz" wrap="square" lIns="93177" tIns="46589" rIns="93177" bIns="46589" numCol="1" anchor="t" anchorCtr="0" compatLnSpc="1">
            <a:prstTxWarp prst="textNoShape">
              <a:avLst/>
            </a:prstTxWarp>
          </a:bodyPr>
          <a:lstStyle>
            <a:lvl1pPr algn="r">
              <a:defRPr sz="1200" b="0" i="0">
                <a:latin typeface="Helvetica Neue Regular" panose="02000503000000020004" pitchFamily="2" charset="0"/>
              </a:defRPr>
            </a:lvl1pPr>
          </a:lstStyle>
          <a:p>
            <a:fld id="{5F2B1479-897B-F243-AC72-E2D09D5C45D0}" type="datetimeFigureOut">
              <a:rPr lang="en-US" smtClean="0"/>
              <a:pPr/>
              <a:t>5/27/2021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17550" y="696913"/>
            <a:ext cx="5575300" cy="34861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77" tIns="46589" rIns="93177" bIns="46589" rtlCol="0" anchor="ctr"/>
          <a:lstStyle/>
          <a:p>
            <a:pPr lvl="0"/>
            <a:endParaRPr lang="en-US" noProof="0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15790"/>
            <a:ext cx="5608320" cy="4183380"/>
          </a:xfrm>
          <a:prstGeom prst="rect">
            <a:avLst/>
          </a:prstGeom>
        </p:spPr>
        <p:txBody>
          <a:bodyPr vert="horz" lIns="93177" tIns="46589" rIns="93177" bIns="46589" rtlCol="0"/>
          <a:lstStyle/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967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l">
              <a:defRPr sz="1200" b="0" i="0">
                <a:latin typeface="Helvetica Neue Regular" panose="02000503000000020004" pitchFamily="2" charset="0"/>
                <a:ea typeface="ヒラギノ明朝 ProN W3" charset="0"/>
                <a:cs typeface="ヒラギノ明朝 ProN W3" charset="0"/>
                <a:sym typeface="Bradley Hand ITC TT-Bold" charset="0"/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38" y="8829967"/>
            <a:ext cx="3037840" cy="464820"/>
          </a:xfrm>
          <a:prstGeom prst="rect">
            <a:avLst/>
          </a:prstGeom>
        </p:spPr>
        <p:txBody>
          <a:bodyPr vert="horz" wrap="square" lIns="93177" tIns="46589" rIns="93177" bIns="46589" numCol="1" anchor="b" anchorCtr="0" compatLnSpc="1">
            <a:prstTxWarp prst="textNoShape">
              <a:avLst/>
            </a:prstTxWarp>
          </a:bodyPr>
          <a:lstStyle>
            <a:lvl1pPr algn="r">
              <a:defRPr sz="1200" b="0" i="0">
                <a:latin typeface="Helvetica Neue Regular" panose="02000503000000020004" pitchFamily="2" charset="0"/>
              </a:defRPr>
            </a:lvl1pPr>
          </a:lstStyle>
          <a:p>
            <a:fld id="{ABB75736-A4F5-6045-8E0E-ECB798B221A6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7884837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Helvetica Neue"/>
        <a:ea typeface="MS PGothic" pitchFamily="34" charset="-128"/>
        <a:cs typeface="MS PGothic" charset="0"/>
      </a:defRPr>
    </a:lvl1pPr>
    <a:lvl2pPr marL="4572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Helvetica Neue"/>
        <a:ea typeface="MS PGothic" pitchFamily="34" charset="-128"/>
        <a:cs typeface="MS PGothic" charset="0"/>
      </a:defRPr>
    </a:lvl2pPr>
    <a:lvl3pPr marL="9144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Helvetica Neue"/>
        <a:ea typeface="MS PGothic" pitchFamily="34" charset="-128"/>
        <a:cs typeface="MS PGothic" charset="0"/>
      </a:defRPr>
    </a:lvl3pPr>
    <a:lvl4pPr marL="13716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Helvetica Neue"/>
        <a:ea typeface="MS PGothic" pitchFamily="34" charset="-128"/>
        <a:cs typeface="MS PGothic" charset="0"/>
      </a:defRPr>
    </a:lvl4pPr>
    <a:lvl5pPr marL="18288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Helvetica Neue"/>
        <a:ea typeface="MS PGothic" pitchFamily="34" charset="-128"/>
        <a:cs typeface="MS PGothic" charset="0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B7CA00A-E2F0-2D4A-BDA0-21EB32A23B50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1548146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B7CA00A-E2F0-2D4A-BDA0-21EB32A23B50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345398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1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1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1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1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1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1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1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1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1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1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1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1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1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1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1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1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1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1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1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1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1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1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1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1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1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1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1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1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1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1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2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2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2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2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2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2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2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2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2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2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2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2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2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2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2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2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2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2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2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2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2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2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2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2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2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2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2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2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2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2.xml"/></Relationships>
</file>

<file path=ppt/slideLayouts/_rels/slideLayout2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2.xml"/></Relationships>
</file>

<file path=ppt/slideLayouts/_rels/slideLayout2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2.xml"/></Relationships>
</file>

<file path=ppt/slideLayouts/_rels/slideLayout2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2.xml"/></Relationships>
</file>

<file path=ppt/slideLayouts/_rels/slideLayout2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2.xml"/></Relationships>
</file>

<file path=ppt/slideLayouts/_rels/slideLayout2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2.xml"/></Relationships>
</file>

<file path=ppt/slideLayouts/_rels/slideLayout2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2.xml"/></Relationships>
</file>

<file path=ppt/slideLayouts/_rels/slideLayout2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2.xml"/></Relationships>
</file>

<file path=ppt/slideLayouts/_rels/slideLayout2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2.xml"/></Relationships>
</file>

<file path=ppt/slideLayouts/_rels/slideLayout2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2.xml"/></Relationships>
</file>

<file path=ppt/slideLayouts/_rels/slideLayout2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3.xml"/></Relationships>
</file>

<file path=ppt/slideLayouts/_rels/slideLayout2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3.xml"/></Relationships>
</file>

<file path=ppt/slideLayouts/_rels/slideLayout2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3.xml"/></Relationships>
</file>

<file path=ppt/slideLayouts/_rels/slideLayout2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3.xml"/></Relationships>
</file>

<file path=ppt/slideLayouts/_rels/slideLayout2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3.xml"/></Relationships>
</file>

<file path=ppt/slideLayouts/_rels/slideLayout2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3.xml"/></Relationships>
</file>

<file path=ppt/slideLayouts/_rels/slideLayout2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3.xml"/></Relationships>
</file>

<file path=ppt/slideLayouts/_rels/slideLayout2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3.xml"/></Relationships>
</file>

<file path=ppt/slideLayouts/_rels/slideLayout2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3.xml"/></Relationships>
</file>

<file path=ppt/slideLayouts/_rels/slideLayout2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3.xml"/></Relationships>
</file>

<file path=ppt/slideLayouts/_rels/slideLayout2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4.xml"/></Relationships>
</file>

<file path=ppt/slideLayouts/_rels/slideLayout2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4.xml"/></Relationships>
</file>

<file path=ppt/slideLayouts/_rels/slideLayout2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4.xml"/></Relationships>
</file>

<file path=ppt/slideLayouts/_rels/slideLayout2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4.xml"/></Relationships>
</file>

<file path=ppt/slideLayouts/_rels/slideLayout2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4.xml"/></Relationships>
</file>

<file path=ppt/slideLayouts/_rels/slideLayout2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4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4.xml"/></Relationships>
</file>

<file path=ppt/slideLayouts/_rels/slideLayout2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4.xml"/></Relationships>
</file>

<file path=ppt/slideLayouts/_rels/slideLayout2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4.xml"/></Relationships>
</file>

<file path=ppt/slideLayouts/_rels/slideLayout2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4.xml"/></Relationships>
</file>

<file path=ppt/slideLayouts/_rels/slideLayout2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4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</p:spPr>
        <p:txBody>
          <a:bodyPr/>
          <a:lstStyle>
            <a:lvl1pPr marL="0" indent="0" algn="ctr">
              <a:buNone/>
              <a:defRPr/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965C741F-5052-C84B-AF2D-FC248954988E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9490665"/>
      </p:ext>
    </p:extLst>
  </p:cSld>
  <p:clrMapOvr>
    <a:masterClrMapping/>
  </p:clrMapOvr>
  <p:transition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789022F0-15BC-2D45-936E-C7E8680EF7C2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95802939"/>
      </p:ext>
    </p:extLst>
  </p:cSld>
  <p:clrMapOvr>
    <a:masterClrMapping/>
  </p:clrMapOvr>
  <p:transition/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 algn="ctr">
              <a:buNone/>
              <a:defRPr b="0" i="0">
                <a:latin typeface="Helvetica Neue Regular" panose="02000503000000020004" pitchFamily="2" charset="0"/>
              </a:defRPr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3544338446"/>
      </p:ext>
    </p:extLst>
  </p:cSld>
  <p:clrMapOvr>
    <a:masterClrMapping/>
  </p:clrMapOvr>
  <p:transition/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333500"/>
            <a:ext cx="82296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651802207"/>
      </p:ext>
    </p:extLst>
  </p:cSld>
  <p:clrMapOvr>
    <a:masterClrMapping/>
  </p:clrMapOvr>
  <p:transition/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  <a:prstGeom prst="rect">
            <a:avLst/>
          </a:prstGeom>
        </p:spPr>
        <p:txBody>
          <a:bodyPr vert="horz" lIns="43955" tIns="21978" rIns="43955" bIns="21978"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0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62598919"/>
      </p:ext>
    </p:extLst>
  </p:cSld>
  <p:clrMapOvr>
    <a:masterClrMapping/>
  </p:clrMapOvr>
  <p:transition/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333500"/>
            <a:ext cx="40767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300" b="0" i="0">
                <a:latin typeface="Helvetica Neue Regular" panose="02000503000000020004" pitchFamily="2" charset="0"/>
              </a:defRPr>
            </a:lvl1pPr>
            <a:lvl2pPr>
              <a:defRPr sz="1200" b="0" i="0">
                <a:latin typeface="Helvetica Neue Regular" panose="02000503000000020004" pitchFamily="2" charset="0"/>
              </a:defRPr>
            </a:lvl2pPr>
            <a:lvl3pPr>
              <a:defRPr sz="1000" b="0" i="0">
                <a:latin typeface="Helvetica Neue Regular" panose="02000503000000020004" pitchFamily="2" charset="0"/>
              </a:defRPr>
            </a:lvl3pPr>
            <a:lvl4pPr>
              <a:defRPr sz="900" b="0" i="0">
                <a:latin typeface="Helvetica Neue Regular" panose="02000503000000020004" pitchFamily="2" charset="0"/>
              </a:defRPr>
            </a:lvl4pPr>
            <a:lvl5pPr>
              <a:defRPr sz="900" b="0" i="0">
                <a:latin typeface="Helvetica Neue Regular" panose="02000503000000020004" pitchFamily="2" charset="0"/>
              </a:defRPr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10100" y="1333500"/>
            <a:ext cx="40767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300" b="0" i="0">
                <a:latin typeface="Helvetica Neue Regular" panose="02000503000000020004" pitchFamily="2" charset="0"/>
              </a:defRPr>
            </a:lvl1pPr>
            <a:lvl2pPr>
              <a:defRPr sz="1200" b="0" i="0">
                <a:latin typeface="Helvetica Neue Regular" panose="02000503000000020004" pitchFamily="2" charset="0"/>
              </a:defRPr>
            </a:lvl2pPr>
            <a:lvl3pPr>
              <a:defRPr sz="1000" b="0" i="0">
                <a:latin typeface="Helvetica Neue Regular" panose="02000503000000020004" pitchFamily="2" charset="0"/>
              </a:defRPr>
            </a:lvl3pPr>
            <a:lvl4pPr>
              <a:defRPr sz="900" b="0" i="0">
                <a:latin typeface="Helvetica Neue Regular" panose="02000503000000020004" pitchFamily="2" charset="0"/>
              </a:defRPr>
            </a:lvl4pPr>
            <a:lvl5pPr>
              <a:defRPr sz="900" b="0" i="0">
                <a:latin typeface="Helvetica Neue Regular" panose="02000503000000020004" pitchFamily="2" charset="0"/>
              </a:defRPr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74398163"/>
      </p:ext>
    </p:extLst>
  </p:cSld>
  <p:clrMapOvr>
    <a:masterClrMapping/>
  </p:clrMapOvr>
  <p:transition/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2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200" b="0" i="0">
                <a:latin typeface="Helvetica Neue Regular" panose="02000503000000020004" pitchFamily="2" charset="0"/>
              </a:defRPr>
            </a:lvl1pPr>
            <a:lvl2pPr>
              <a:defRPr sz="1000" b="0" i="0">
                <a:latin typeface="Helvetica Neue Regular" panose="02000503000000020004" pitchFamily="2" charset="0"/>
              </a:defRPr>
            </a:lvl2pPr>
            <a:lvl3pPr>
              <a:defRPr sz="900" b="0" i="0">
                <a:latin typeface="Helvetica Neue Regular" panose="02000503000000020004" pitchFamily="2" charset="0"/>
              </a:defRPr>
            </a:lvl3pPr>
            <a:lvl4pPr>
              <a:defRPr sz="800" b="0" i="0">
                <a:latin typeface="Helvetica Neue Regular" panose="02000503000000020004" pitchFamily="2" charset="0"/>
              </a:defRPr>
            </a:lvl4pPr>
            <a:lvl5pPr>
              <a:defRPr sz="800" b="0" i="0">
                <a:latin typeface="Helvetica Neue Regular" panose="02000503000000020004" pitchFamily="2" charset="0"/>
              </a:defRPr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2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200" b="0" i="0">
                <a:latin typeface="Helvetica Neue Regular" panose="02000503000000020004" pitchFamily="2" charset="0"/>
              </a:defRPr>
            </a:lvl1pPr>
            <a:lvl2pPr>
              <a:defRPr sz="1000" b="0" i="0">
                <a:latin typeface="Helvetica Neue Regular" panose="02000503000000020004" pitchFamily="2" charset="0"/>
              </a:defRPr>
            </a:lvl2pPr>
            <a:lvl3pPr>
              <a:defRPr sz="900" b="0" i="0">
                <a:latin typeface="Helvetica Neue Regular" panose="02000503000000020004" pitchFamily="2" charset="0"/>
              </a:defRPr>
            </a:lvl3pPr>
            <a:lvl4pPr>
              <a:defRPr sz="800" b="0" i="0">
                <a:latin typeface="Helvetica Neue Regular" panose="02000503000000020004" pitchFamily="2" charset="0"/>
              </a:defRPr>
            </a:lvl4pPr>
            <a:lvl5pPr>
              <a:defRPr sz="800" b="0" i="0">
                <a:latin typeface="Helvetica Neue Regular" panose="02000503000000020004" pitchFamily="2" charset="0"/>
              </a:defRPr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22787496"/>
      </p:ext>
    </p:extLst>
  </p:cSld>
  <p:clrMapOvr>
    <a:masterClrMapping/>
  </p:clrMapOvr>
  <p:transition/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163953985"/>
      </p:ext>
    </p:extLst>
  </p:cSld>
  <p:clrMapOvr>
    <a:masterClrMapping/>
  </p:clrMapOvr>
  <p:transition/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343597241"/>
      </p:ext>
    </p:extLst>
  </p:cSld>
  <p:clrMapOvr>
    <a:masterClrMapping/>
  </p:clrMapOvr>
  <p:transition/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500" b="0" i="0">
                <a:latin typeface="Helvetica Neue Regular" panose="02000503000000020004" pitchFamily="2" charset="0"/>
              </a:defRPr>
            </a:lvl1pPr>
            <a:lvl2pPr>
              <a:defRPr sz="1300" b="0" i="0">
                <a:latin typeface="Helvetica Neue Regular" panose="02000503000000020004" pitchFamily="2" charset="0"/>
              </a:defRPr>
            </a:lvl2pPr>
            <a:lvl3pPr>
              <a:defRPr sz="1200" b="0" i="0">
                <a:latin typeface="Helvetica Neue Regular" panose="02000503000000020004" pitchFamily="2" charset="0"/>
              </a:defRPr>
            </a:lvl3pPr>
            <a:lvl4pPr>
              <a:defRPr sz="1000" b="0" i="0">
                <a:latin typeface="Helvetica Neue Regular" panose="02000503000000020004" pitchFamily="2" charset="0"/>
              </a:defRPr>
            </a:lvl4pPr>
            <a:lvl5pPr>
              <a:defRPr sz="1000" b="0" i="0">
                <a:latin typeface="Helvetica Neue Regular" panose="02000503000000020004" pitchFamily="2" charset="0"/>
              </a:defRPr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7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458459071"/>
      </p:ext>
    </p:extLst>
  </p:cSld>
  <p:clrMapOvr>
    <a:masterClrMapping/>
  </p:clrMapOvr>
  <p:transition/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15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 dirty="0">
              <a:sym typeface="Bradley Hand ITC TT-Bold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7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397656988"/>
      </p:ext>
    </p:extLst>
  </p:cSld>
  <p:clrMapOvr>
    <a:masterClrMapping/>
  </p:clrMapOvr>
  <p:transition/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333500"/>
            <a:ext cx="8229600" cy="3771900"/>
          </a:xfrm>
          <a:prstGeom prst="rect">
            <a:avLst/>
          </a:prstGeom>
        </p:spPr>
        <p:txBody>
          <a:bodyPr vert="eaVert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634031854"/>
      </p:ext>
    </p:extLst>
  </p:cSld>
  <p:clrMapOvr>
    <a:masterClrMapping/>
  </p:clrMapOvr>
  <p:transition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28600"/>
            <a:ext cx="2057400" cy="4419600"/>
          </a:xfrm>
          <a:prstGeom prst="rect">
            <a:avLst/>
          </a:prstGeom>
        </p:spPr>
        <p:txBody>
          <a:bodyPr vert="eaVert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28600"/>
            <a:ext cx="6096000" cy="441960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04AB9803-2938-CA4E-AEDB-853972A61EAC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3133728"/>
      </p:ext>
    </p:extLst>
  </p:cSld>
  <p:clrMapOvr>
    <a:masterClrMapping/>
  </p:clrMapOvr>
  <p:transition/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28600"/>
            <a:ext cx="2057400" cy="4876800"/>
          </a:xfrm>
          <a:prstGeom prst="rect">
            <a:avLst/>
          </a:prstGeom>
        </p:spPr>
        <p:txBody>
          <a:bodyPr vert="eaVert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28600"/>
            <a:ext cx="6096000" cy="4876800"/>
          </a:xfrm>
          <a:prstGeom prst="rect">
            <a:avLst/>
          </a:prstGeom>
        </p:spPr>
        <p:txBody>
          <a:bodyPr vert="eaVert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50392736"/>
      </p:ext>
    </p:extLst>
  </p:cSld>
  <p:clrMapOvr>
    <a:masterClrMapping/>
  </p:clrMapOvr>
  <p:transition/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 algn="ctr">
              <a:buNone/>
              <a:defRPr b="0" i="0">
                <a:latin typeface="Helvetica Neue Regular" panose="02000503000000020004" pitchFamily="2" charset="0"/>
              </a:defRPr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999027216"/>
      </p:ext>
    </p:extLst>
  </p:cSld>
  <p:clrMapOvr>
    <a:masterClrMapping/>
  </p:clrMapOvr>
  <p:transition/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333500"/>
            <a:ext cx="82296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57672419"/>
      </p:ext>
    </p:extLst>
  </p:cSld>
  <p:clrMapOvr>
    <a:masterClrMapping/>
  </p:clrMapOvr>
  <p:transition/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  <a:prstGeom prst="rect">
            <a:avLst/>
          </a:prstGeom>
        </p:spPr>
        <p:txBody>
          <a:bodyPr vert="horz" lIns="43955" tIns="21978" rIns="43955" bIns="21978"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0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798495441"/>
      </p:ext>
    </p:extLst>
  </p:cSld>
  <p:clrMapOvr>
    <a:masterClrMapping/>
  </p:clrMapOvr>
  <p:transition/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333500"/>
            <a:ext cx="40767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300" b="0" i="0">
                <a:latin typeface="Helvetica Neue Regular" panose="02000503000000020004" pitchFamily="2" charset="0"/>
              </a:defRPr>
            </a:lvl1pPr>
            <a:lvl2pPr>
              <a:defRPr sz="1200" b="0" i="0">
                <a:latin typeface="Helvetica Neue Regular" panose="02000503000000020004" pitchFamily="2" charset="0"/>
              </a:defRPr>
            </a:lvl2pPr>
            <a:lvl3pPr>
              <a:defRPr sz="1000" b="0" i="0">
                <a:latin typeface="Helvetica Neue Regular" panose="02000503000000020004" pitchFamily="2" charset="0"/>
              </a:defRPr>
            </a:lvl3pPr>
            <a:lvl4pPr>
              <a:defRPr sz="900" b="0" i="0">
                <a:latin typeface="Helvetica Neue Regular" panose="02000503000000020004" pitchFamily="2" charset="0"/>
              </a:defRPr>
            </a:lvl4pPr>
            <a:lvl5pPr>
              <a:defRPr sz="900" b="0" i="0">
                <a:latin typeface="Helvetica Neue Regular" panose="02000503000000020004" pitchFamily="2" charset="0"/>
              </a:defRPr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10100" y="1333500"/>
            <a:ext cx="40767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300" b="0" i="0">
                <a:latin typeface="Helvetica Neue Regular" panose="02000503000000020004" pitchFamily="2" charset="0"/>
              </a:defRPr>
            </a:lvl1pPr>
            <a:lvl2pPr>
              <a:defRPr sz="1200" b="0" i="0">
                <a:latin typeface="Helvetica Neue Regular" panose="02000503000000020004" pitchFamily="2" charset="0"/>
              </a:defRPr>
            </a:lvl2pPr>
            <a:lvl3pPr>
              <a:defRPr sz="1000" b="0" i="0">
                <a:latin typeface="Helvetica Neue Regular" panose="02000503000000020004" pitchFamily="2" charset="0"/>
              </a:defRPr>
            </a:lvl3pPr>
            <a:lvl4pPr>
              <a:defRPr sz="900" b="0" i="0">
                <a:latin typeface="Helvetica Neue Regular" panose="02000503000000020004" pitchFamily="2" charset="0"/>
              </a:defRPr>
            </a:lvl4pPr>
            <a:lvl5pPr>
              <a:defRPr sz="900" b="0" i="0">
                <a:latin typeface="Helvetica Neue Regular" panose="02000503000000020004" pitchFamily="2" charset="0"/>
              </a:defRPr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244680253"/>
      </p:ext>
    </p:extLst>
  </p:cSld>
  <p:clrMapOvr>
    <a:masterClrMapping/>
  </p:clrMapOvr>
  <p:transition/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2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200" b="0" i="0">
                <a:latin typeface="Helvetica Neue Regular" panose="02000503000000020004" pitchFamily="2" charset="0"/>
              </a:defRPr>
            </a:lvl1pPr>
            <a:lvl2pPr>
              <a:defRPr sz="1000" b="0" i="0">
                <a:latin typeface="Helvetica Neue Regular" panose="02000503000000020004" pitchFamily="2" charset="0"/>
              </a:defRPr>
            </a:lvl2pPr>
            <a:lvl3pPr>
              <a:defRPr sz="900" b="0" i="0">
                <a:latin typeface="Helvetica Neue Regular" panose="02000503000000020004" pitchFamily="2" charset="0"/>
              </a:defRPr>
            </a:lvl3pPr>
            <a:lvl4pPr>
              <a:defRPr sz="800" b="0" i="0">
                <a:latin typeface="Helvetica Neue Regular" panose="02000503000000020004" pitchFamily="2" charset="0"/>
              </a:defRPr>
            </a:lvl4pPr>
            <a:lvl5pPr>
              <a:defRPr sz="800" b="0" i="0">
                <a:latin typeface="Helvetica Neue Regular" panose="02000503000000020004" pitchFamily="2" charset="0"/>
              </a:defRPr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2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200" b="0" i="0">
                <a:latin typeface="Helvetica Neue Regular" panose="02000503000000020004" pitchFamily="2" charset="0"/>
              </a:defRPr>
            </a:lvl1pPr>
            <a:lvl2pPr>
              <a:defRPr sz="1000" b="0" i="0">
                <a:latin typeface="Helvetica Neue Regular" panose="02000503000000020004" pitchFamily="2" charset="0"/>
              </a:defRPr>
            </a:lvl2pPr>
            <a:lvl3pPr>
              <a:defRPr sz="900" b="0" i="0">
                <a:latin typeface="Helvetica Neue Regular" panose="02000503000000020004" pitchFamily="2" charset="0"/>
              </a:defRPr>
            </a:lvl3pPr>
            <a:lvl4pPr>
              <a:defRPr sz="800" b="0" i="0">
                <a:latin typeface="Helvetica Neue Regular" panose="02000503000000020004" pitchFamily="2" charset="0"/>
              </a:defRPr>
            </a:lvl4pPr>
            <a:lvl5pPr>
              <a:defRPr sz="800" b="0" i="0">
                <a:latin typeface="Helvetica Neue Regular" panose="02000503000000020004" pitchFamily="2" charset="0"/>
              </a:defRPr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253337666"/>
      </p:ext>
    </p:extLst>
  </p:cSld>
  <p:clrMapOvr>
    <a:masterClrMapping/>
  </p:clrMapOvr>
  <p:transition/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235661478"/>
      </p:ext>
    </p:extLst>
  </p:cSld>
  <p:clrMapOvr>
    <a:masterClrMapping/>
  </p:clrMapOvr>
  <p:transition/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031029685"/>
      </p:ext>
    </p:extLst>
  </p:cSld>
  <p:clrMapOvr>
    <a:masterClrMapping/>
  </p:clrMapOvr>
  <p:transition/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500" b="0" i="0">
                <a:latin typeface="Helvetica Neue Regular" panose="02000503000000020004" pitchFamily="2" charset="0"/>
              </a:defRPr>
            </a:lvl1pPr>
            <a:lvl2pPr>
              <a:defRPr sz="1300" b="0" i="0">
                <a:latin typeface="Helvetica Neue Regular" panose="02000503000000020004" pitchFamily="2" charset="0"/>
              </a:defRPr>
            </a:lvl2pPr>
            <a:lvl3pPr>
              <a:defRPr sz="1200" b="0" i="0">
                <a:latin typeface="Helvetica Neue Regular" panose="02000503000000020004" pitchFamily="2" charset="0"/>
              </a:defRPr>
            </a:lvl3pPr>
            <a:lvl4pPr>
              <a:defRPr sz="1000" b="0" i="0">
                <a:latin typeface="Helvetica Neue Regular" panose="02000503000000020004" pitchFamily="2" charset="0"/>
              </a:defRPr>
            </a:lvl4pPr>
            <a:lvl5pPr>
              <a:defRPr sz="1000" b="0" i="0">
                <a:latin typeface="Helvetica Neue Regular" panose="02000503000000020004" pitchFamily="2" charset="0"/>
              </a:defRPr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7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9366809"/>
      </p:ext>
    </p:extLst>
  </p:cSld>
  <p:clrMapOvr>
    <a:masterClrMapping/>
  </p:clrMapOvr>
  <p:transition/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15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 dirty="0">
              <a:sym typeface="Bradley Hand ITC TT-Bold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7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803377663"/>
      </p:ext>
    </p:extLst>
  </p:cSld>
  <p:clrMapOvr>
    <a:masterClrMapping/>
  </p:clrMapOvr>
  <p:transition/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 algn="ctr">
              <a:buNone/>
              <a:defRPr b="0" i="0">
                <a:latin typeface="Helvetica Neue Regular" panose="02000503000000020004" pitchFamily="2" charset="0"/>
              </a:defRPr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4" name="Text Box 1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ED86AC23-19CD-684F-B6BA-A06D0626D419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9174764"/>
      </p:ext>
    </p:extLst>
  </p:cSld>
  <p:clrMapOvr>
    <a:masterClrMapping/>
  </p:clrMapOvr>
  <p:transition/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333500"/>
            <a:ext cx="8229600" cy="3771900"/>
          </a:xfrm>
          <a:prstGeom prst="rect">
            <a:avLst/>
          </a:prstGeom>
        </p:spPr>
        <p:txBody>
          <a:bodyPr vert="eaVert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31743202"/>
      </p:ext>
    </p:extLst>
  </p:cSld>
  <p:clrMapOvr>
    <a:masterClrMapping/>
  </p:clrMapOvr>
  <p:transition/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28600"/>
            <a:ext cx="2057400" cy="4876800"/>
          </a:xfrm>
          <a:prstGeom prst="rect">
            <a:avLst/>
          </a:prstGeom>
        </p:spPr>
        <p:txBody>
          <a:bodyPr vert="eaVert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28600"/>
            <a:ext cx="6096000" cy="4876800"/>
          </a:xfrm>
          <a:prstGeom prst="rect">
            <a:avLst/>
          </a:prstGeom>
        </p:spPr>
        <p:txBody>
          <a:bodyPr vert="eaVert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649073200"/>
      </p:ext>
    </p:extLst>
  </p:cSld>
  <p:clrMapOvr>
    <a:masterClrMapping/>
  </p:clrMapOvr>
  <p:transition/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 algn="ctr">
              <a:buNone/>
              <a:defRPr b="0" i="0">
                <a:latin typeface="Helvetica Neue Regular" panose="02000503000000020004" pitchFamily="2" charset="0"/>
              </a:defRPr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429880549"/>
      </p:ext>
    </p:extLst>
  </p:cSld>
  <p:clrMapOvr>
    <a:masterClrMapping/>
  </p:clrMapOvr>
  <p:transition/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333500"/>
            <a:ext cx="82296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156282727"/>
      </p:ext>
    </p:extLst>
  </p:cSld>
  <p:clrMapOvr>
    <a:masterClrMapping/>
  </p:clrMapOvr>
  <p:transition/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  <a:prstGeom prst="rect">
            <a:avLst/>
          </a:prstGeom>
        </p:spPr>
        <p:txBody>
          <a:bodyPr vert="horz" lIns="43955" tIns="21978" rIns="43955" bIns="21978"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0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26816890"/>
      </p:ext>
    </p:extLst>
  </p:cSld>
  <p:clrMapOvr>
    <a:masterClrMapping/>
  </p:clrMapOvr>
  <p:transition/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333500"/>
            <a:ext cx="40767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300" b="0" i="0">
                <a:latin typeface="Helvetica Neue Regular" panose="02000503000000020004" pitchFamily="2" charset="0"/>
              </a:defRPr>
            </a:lvl1pPr>
            <a:lvl2pPr>
              <a:defRPr sz="1200" b="0" i="0">
                <a:latin typeface="Helvetica Neue Regular" panose="02000503000000020004" pitchFamily="2" charset="0"/>
              </a:defRPr>
            </a:lvl2pPr>
            <a:lvl3pPr>
              <a:defRPr sz="1000" b="0" i="0">
                <a:latin typeface="Helvetica Neue Regular" panose="02000503000000020004" pitchFamily="2" charset="0"/>
              </a:defRPr>
            </a:lvl3pPr>
            <a:lvl4pPr>
              <a:defRPr sz="900" b="0" i="0">
                <a:latin typeface="Helvetica Neue Regular" panose="02000503000000020004" pitchFamily="2" charset="0"/>
              </a:defRPr>
            </a:lvl4pPr>
            <a:lvl5pPr>
              <a:defRPr sz="900" b="0" i="0">
                <a:latin typeface="Helvetica Neue Regular" panose="02000503000000020004" pitchFamily="2" charset="0"/>
              </a:defRPr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10100" y="1333500"/>
            <a:ext cx="40767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300" b="0" i="0">
                <a:latin typeface="Helvetica Neue Regular" panose="02000503000000020004" pitchFamily="2" charset="0"/>
              </a:defRPr>
            </a:lvl1pPr>
            <a:lvl2pPr>
              <a:defRPr sz="1200" b="0" i="0">
                <a:latin typeface="Helvetica Neue Regular" panose="02000503000000020004" pitchFamily="2" charset="0"/>
              </a:defRPr>
            </a:lvl2pPr>
            <a:lvl3pPr>
              <a:defRPr sz="1000" b="0" i="0">
                <a:latin typeface="Helvetica Neue Regular" panose="02000503000000020004" pitchFamily="2" charset="0"/>
              </a:defRPr>
            </a:lvl3pPr>
            <a:lvl4pPr>
              <a:defRPr sz="900" b="0" i="0">
                <a:latin typeface="Helvetica Neue Regular" panose="02000503000000020004" pitchFamily="2" charset="0"/>
              </a:defRPr>
            </a:lvl4pPr>
            <a:lvl5pPr>
              <a:defRPr sz="900" b="0" i="0">
                <a:latin typeface="Helvetica Neue Regular" panose="02000503000000020004" pitchFamily="2" charset="0"/>
              </a:defRPr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894360444"/>
      </p:ext>
    </p:extLst>
  </p:cSld>
  <p:clrMapOvr>
    <a:masterClrMapping/>
  </p:clrMapOvr>
  <p:transition/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2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200" b="0" i="0">
                <a:latin typeface="Helvetica Neue Regular" panose="02000503000000020004" pitchFamily="2" charset="0"/>
              </a:defRPr>
            </a:lvl1pPr>
            <a:lvl2pPr>
              <a:defRPr sz="1000" b="0" i="0">
                <a:latin typeface="Helvetica Neue Regular" panose="02000503000000020004" pitchFamily="2" charset="0"/>
              </a:defRPr>
            </a:lvl2pPr>
            <a:lvl3pPr>
              <a:defRPr sz="900" b="0" i="0">
                <a:latin typeface="Helvetica Neue Regular" panose="02000503000000020004" pitchFamily="2" charset="0"/>
              </a:defRPr>
            </a:lvl3pPr>
            <a:lvl4pPr>
              <a:defRPr sz="800" b="0" i="0">
                <a:latin typeface="Helvetica Neue Regular" panose="02000503000000020004" pitchFamily="2" charset="0"/>
              </a:defRPr>
            </a:lvl4pPr>
            <a:lvl5pPr>
              <a:defRPr sz="800" b="0" i="0">
                <a:latin typeface="Helvetica Neue Regular" panose="02000503000000020004" pitchFamily="2" charset="0"/>
              </a:defRPr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2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200" b="0" i="0">
                <a:latin typeface="Helvetica Neue Regular" panose="02000503000000020004" pitchFamily="2" charset="0"/>
              </a:defRPr>
            </a:lvl1pPr>
            <a:lvl2pPr>
              <a:defRPr sz="1000" b="0" i="0">
                <a:latin typeface="Helvetica Neue Regular" panose="02000503000000020004" pitchFamily="2" charset="0"/>
              </a:defRPr>
            </a:lvl2pPr>
            <a:lvl3pPr>
              <a:defRPr sz="900" b="0" i="0">
                <a:latin typeface="Helvetica Neue Regular" panose="02000503000000020004" pitchFamily="2" charset="0"/>
              </a:defRPr>
            </a:lvl3pPr>
            <a:lvl4pPr>
              <a:defRPr sz="800" b="0" i="0">
                <a:latin typeface="Helvetica Neue Regular" panose="02000503000000020004" pitchFamily="2" charset="0"/>
              </a:defRPr>
            </a:lvl4pPr>
            <a:lvl5pPr>
              <a:defRPr sz="800" b="0" i="0">
                <a:latin typeface="Helvetica Neue Regular" panose="02000503000000020004" pitchFamily="2" charset="0"/>
              </a:defRPr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108862849"/>
      </p:ext>
    </p:extLst>
  </p:cSld>
  <p:clrMapOvr>
    <a:masterClrMapping/>
  </p:clrMapOvr>
  <p:transition/>
</p:sldLayout>
</file>

<file path=ppt/slideLayouts/slideLayout12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29926691"/>
      </p:ext>
    </p:extLst>
  </p:cSld>
  <p:clrMapOvr>
    <a:masterClrMapping/>
  </p:clrMapOvr>
  <p:transition/>
</p:sldLayout>
</file>

<file path=ppt/slideLayouts/slideLayout12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020854223"/>
      </p:ext>
    </p:extLst>
  </p:cSld>
  <p:clrMapOvr>
    <a:masterClrMapping/>
  </p:clrMapOvr>
  <p:transition/>
</p:sldLayout>
</file>

<file path=ppt/slideLayouts/slideLayout12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500" b="0" i="0">
                <a:latin typeface="Helvetica Neue Regular" panose="02000503000000020004" pitchFamily="2" charset="0"/>
              </a:defRPr>
            </a:lvl1pPr>
            <a:lvl2pPr>
              <a:defRPr sz="1300" b="0" i="0">
                <a:latin typeface="Helvetica Neue Regular" panose="02000503000000020004" pitchFamily="2" charset="0"/>
              </a:defRPr>
            </a:lvl2pPr>
            <a:lvl3pPr>
              <a:defRPr sz="1200" b="0" i="0">
                <a:latin typeface="Helvetica Neue Regular" panose="02000503000000020004" pitchFamily="2" charset="0"/>
              </a:defRPr>
            </a:lvl3pPr>
            <a:lvl4pPr>
              <a:defRPr sz="1000" b="0" i="0">
                <a:latin typeface="Helvetica Neue Regular" panose="02000503000000020004" pitchFamily="2" charset="0"/>
              </a:defRPr>
            </a:lvl4pPr>
            <a:lvl5pPr>
              <a:defRPr sz="1000" b="0" i="0">
                <a:latin typeface="Helvetica Neue Regular" panose="02000503000000020004" pitchFamily="2" charset="0"/>
              </a:defRPr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7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545939539"/>
      </p:ext>
    </p:extLst>
  </p:cSld>
  <p:clrMapOvr>
    <a:masterClrMapping/>
  </p:clrMapOvr>
  <p:transition/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333500"/>
            <a:ext cx="82296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Box 1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EB092EFC-C360-E54B-9FA0-F100781241EB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2852497"/>
      </p:ext>
    </p:extLst>
  </p:cSld>
  <p:clrMapOvr>
    <a:masterClrMapping/>
  </p:clrMapOvr>
  <p:transition/>
</p:sldLayout>
</file>

<file path=ppt/slideLayouts/slideLayout13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15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 dirty="0">
              <a:sym typeface="Bradley Hand ITC TT-Bold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7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814138423"/>
      </p:ext>
    </p:extLst>
  </p:cSld>
  <p:clrMapOvr>
    <a:masterClrMapping/>
  </p:clrMapOvr>
  <p:transition/>
</p:sldLayout>
</file>

<file path=ppt/slideLayouts/slideLayout13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333500"/>
            <a:ext cx="8229600" cy="3771900"/>
          </a:xfrm>
          <a:prstGeom prst="rect">
            <a:avLst/>
          </a:prstGeom>
        </p:spPr>
        <p:txBody>
          <a:bodyPr vert="eaVert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70995219"/>
      </p:ext>
    </p:extLst>
  </p:cSld>
  <p:clrMapOvr>
    <a:masterClrMapping/>
  </p:clrMapOvr>
  <p:transition/>
</p:sldLayout>
</file>

<file path=ppt/slideLayouts/slideLayout1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28600"/>
            <a:ext cx="2057400" cy="4876800"/>
          </a:xfrm>
          <a:prstGeom prst="rect">
            <a:avLst/>
          </a:prstGeom>
        </p:spPr>
        <p:txBody>
          <a:bodyPr vert="eaVert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28600"/>
            <a:ext cx="6096000" cy="4876800"/>
          </a:xfrm>
          <a:prstGeom prst="rect">
            <a:avLst/>
          </a:prstGeom>
        </p:spPr>
        <p:txBody>
          <a:bodyPr vert="eaVert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974067647"/>
      </p:ext>
    </p:extLst>
  </p:cSld>
  <p:clrMapOvr>
    <a:masterClrMapping/>
  </p:clrMapOvr>
  <p:transition/>
</p:sldLayout>
</file>

<file path=ppt/slideLayouts/slideLayout13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 algn="ctr">
              <a:buNone/>
              <a:defRPr b="0" i="0">
                <a:latin typeface="Helvetica Neue Regular" panose="02000503000000020004" pitchFamily="2" charset="0"/>
              </a:defRPr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2132172824"/>
      </p:ext>
    </p:extLst>
  </p:cSld>
  <p:clrMapOvr>
    <a:masterClrMapping/>
  </p:clrMapOvr>
  <p:transition/>
</p:sldLayout>
</file>

<file path=ppt/slideLayouts/slideLayout13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333500"/>
            <a:ext cx="82296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293065527"/>
      </p:ext>
    </p:extLst>
  </p:cSld>
  <p:clrMapOvr>
    <a:masterClrMapping/>
  </p:clrMapOvr>
  <p:transition/>
</p:sldLayout>
</file>

<file path=ppt/slideLayouts/slideLayout13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</p:spPr>
        <p:txBody>
          <a:bodyPr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0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456196063"/>
      </p:ext>
    </p:extLst>
  </p:cSld>
  <p:clrMapOvr>
    <a:masterClrMapping/>
  </p:clrMapOvr>
  <p:transition/>
</p:sldLayout>
</file>

<file path=ppt/slideLayouts/slideLayout13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333500"/>
            <a:ext cx="40767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300" b="0" i="0">
                <a:latin typeface="Helvetica Neue Regular" panose="02000503000000020004" pitchFamily="2" charset="0"/>
              </a:defRPr>
            </a:lvl1pPr>
            <a:lvl2pPr>
              <a:defRPr sz="1200" b="0" i="0">
                <a:latin typeface="Helvetica Neue Regular" panose="02000503000000020004" pitchFamily="2" charset="0"/>
              </a:defRPr>
            </a:lvl2pPr>
            <a:lvl3pPr>
              <a:defRPr sz="1000" b="0" i="0">
                <a:latin typeface="Helvetica Neue Regular" panose="02000503000000020004" pitchFamily="2" charset="0"/>
              </a:defRPr>
            </a:lvl3pPr>
            <a:lvl4pPr>
              <a:defRPr sz="900" b="0" i="0">
                <a:latin typeface="Helvetica Neue Regular" panose="02000503000000020004" pitchFamily="2" charset="0"/>
              </a:defRPr>
            </a:lvl4pPr>
            <a:lvl5pPr>
              <a:defRPr sz="900" b="0" i="0">
                <a:latin typeface="Helvetica Neue Regular" panose="02000503000000020004" pitchFamily="2" charset="0"/>
              </a:defRPr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10100" y="1333500"/>
            <a:ext cx="40767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300" b="0" i="0">
                <a:latin typeface="Helvetica Neue Regular" panose="02000503000000020004" pitchFamily="2" charset="0"/>
              </a:defRPr>
            </a:lvl1pPr>
            <a:lvl2pPr>
              <a:defRPr sz="1200" b="0" i="0">
                <a:latin typeface="Helvetica Neue Regular" panose="02000503000000020004" pitchFamily="2" charset="0"/>
              </a:defRPr>
            </a:lvl2pPr>
            <a:lvl3pPr>
              <a:defRPr sz="1000" b="0" i="0">
                <a:latin typeface="Helvetica Neue Regular" panose="02000503000000020004" pitchFamily="2" charset="0"/>
              </a:defRPr>
            </a:lvl3pPr>
            <a:lvl4pPr>
              <a:defRPr sz="900" b="0" i="0">
                <a:latin typeface="Helvetica Neue Regular" panose="02000503000000020004" pitchFamily="2" charset="0"/>
              </a:defRPr>
            </a:lvl4pPr>
            <a:lvl5pPr>
              <a:defRPr sz="900" b="0" i="0">
                <a:latin typeface="Helvetica Neue Regular" panose="02000503000000020004" pitchFamily="2" charset="0"/>
              </a:defRPr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221165251"/>
      </p:ext>
    </p:extLst>
  </p:cSld>
  <p:clrMapOvr>
    <a:masterClrMapping/>
  </p:clrMapOvr>
  <p:transition/>
</p:sldLayout>
</file>

<file path=ppt/slideLayouts/slideLayout13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2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200" b="0" i="0">
                <a:latin typeface="Helvetica Neue Regular" panose="02000503000000020004" pitchFamily="2" charset="0"/>
              </a:defRPr>
            </a:lvl1pPr>
            <a:lvl2pPr>
              <a:defRPr sz="1000" b="0" i="0">
                <a:latin typeface="Helvetica Neue Regular" panose="02000503000000020004" pitchFamily="2" charset="0"/>
              </a:defRPr>
            </a:lvl2pPr>
            <a:lvl3pPr>
              <a:defRPr sz="900" b="0" i="0">
                <a:latin typeface="Helvetica Neue Regular" panose="02000503000000020004" pitchFamily="2" charset="0"/>
              </a:defRPr>
            </a:lvl3pPr>
            <a:lvl4pPr>
              <a:defRPr sz="800" b="0" i="0">
                <a:latin typeface="Helvetica Neue Regular" panose="02000503000000020004" pitchFamily="2" charset="0"/>
              </a:defRPr>
            </a:lvl4pPr>
            <a:lvl5pPr>
              <a:defRPr sz="800" b="0" i="0">
                <a:latin typeface="Helvetica Neue Regular" panose="02000503000000020004" pitchFamily="2" charset="0"/>
              </a:defRPr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2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200" b="0" i="0">
                <a:latin typeface="Helvetica Neue Regular" panose="02000503000000020004" pitchFamily="2" charset="0"/>
              </a:defRPr>
            </a:lvl1pPr>
            <a:lvl2pPr>
              <a:defRPr sz="1000" b="0" i="0">
                <a:latin typeface="Helvetica Neue Regular" panose="02000503000000020004" pitchFamily="2" charset="0"/>
              </a:defRPr>
            </a:lvl2pPr>
            <a:lvl3pPr>
              <a:defRPr sz="900" b="0" i="0">
                <a:latin typeface="Helvetica Neue Regular" panose="02000503000000020004" pitchFamily="2" charset="0"/>
              </a:defRPr>
            </a:lvl3pPr>
            <a:lvl4pPr>
              <a:defRPr sz="800" b="0" i="0">
                <a:latin typeface="Helvetica Neue Regular" panose="02000503000000020004" pitchFamily="2" charset="0"/>
              </a:defRPr>
            </a:lvl4pPr>
            <a:lvl5pPr>
              <a:defRPr sz="800" b="0" i="0">
                <a:latin typeface="Helvetica Neue Regular" panose="02000503000000020004" pitchFamily="2" charset="0"/>
              </a:defRPr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18307983"/>
      </p:ext>
    </p:extLst>
  </p:cSld>
  <p:clrMapOvr>
    <a:masterClrMapping/>
  </p:clrMapOvr>
  <p:transition/>
</p:sldLayout>
</file>

<file path=ppt/slideLayouts/slideLayout13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668318945"/>
      </p:ext>
    </p:extLst>
  </p:cSld>
  <p:clrMapOvr>
    <a:masterClrMapping/>
  </p:clrMapOvr>
  <p:transition/>
</p:sldLayout>
</file>

<file path=ppt/slideLayouts/slideLayout13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423507337"/>
      </p:ext>
    </p:extLst>
  </p:cSld>
  <p:clrMapOvr>
    <a:masterClrMapping/>
  </p:clrMapOvr>
  <p:transition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  <a:prstGeom prst="rect">
            <a:avLst/>
          </a:prstGeom>
        </p:spPr>
        <p:txBody>
          <a:bodyPr vert="horz" lIns="43955" tIns="21978" rIns="43955" bIns="21978"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0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ext Box 1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6B2862CF-AB14-8A40-A655-5AD09FD153F6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8506095"/>
      </p:ext>
    </p:extLst>
  </p:cSld>
  <p:clrMapOvr>
    <a:masterClrMapping/>
  </p:clrMapOvr>
  <p:transition/>
</p:sldLayout>
</file>

<file path=ppt/slideLayouts/slideLayout14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500" b="0" i="0">
                <a:latin typeface="Helvetica Neue Regular" panose="02000503000000020004" pitchFamily="2" charset="0"/>
              </a:defRPr>
            </a:lvl1pPr>
            <a:lvl2pPr>
              <a:defRPr sz="1300" b="0" i="0">
                <a:latin typeface="Helvetica Neue Regular" panose="02000503000000020004" pitchFamily="2" charset="0"/>
              </a:defRPr>
            </a:lvl2pPr>
            <a:lvl3pPr>
              <a:defRPr sz="1200" b="0" i="0">
                <a:latin typeface="Helvetica Neue Regular" panose="02000503000000020004" pitchFamily="2" charset="0"/>
              </a:defRPr>
            </a:lvl3pPr>
            <a:lvl4pPr>
              <a:defRPr sz="1000" b="0" i="0">
                <a:latin typeface="Helvetica Neue Regular" panose="02000503000000020004" pitchFamily="2" charset="0"/>
              </a:defRPr>
            </a:lvl4pPr>
            <a:lvl5pPr>
              <a:defRPr sz="1000" b="0" i="0">
                <a:latin typeface="Helvetica Neue Regular" panose="02000503000000020004" pitchFamily="2" charset="0"/>
              </a:defRPr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7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532481040"/>
      </p:ext>
    </p:extLst>
  </p:cSld>
  <p:clrMapOvr>
    <a:masterClrMapping/>
  </p:clrMapOvr>
  <p:transition/>
</p:sldLayout>
</file>

<file path=ppt/slideLayouts/slideLayout14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15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 dirty="0">
              <a:sym typeface="Bradley Hand ITC TT-Bold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7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144895521"/>
      </p:ext>
    </p:extLst>
  </p:cSld>
  <p:clrMapOvr>
    <a:masterClrMapping/>
  </p:clrMapOvr>
  <p:transition/>
</p:sldLayout>
</file>

<file path=ppt/slideLayouts/slideLayout14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333500"/>
            <a:ext cx="8229600" cy="3771900"/>
          </a:xfrm>
          <a:prstGeom prst="rect">
            <a:avLst/>
          </a:prstGeom>
        </p:spPr>
        <p:txBody>
          <a:bodyPr vert="eaVert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879411209"/>
      </p:ext>
    </p:extLst>
  </p:cSld>
  <p:clrMapOvr>
    <a:masterClrMapping/>
  </p:clrMapOvr>
  <p:transition/>
</p:sldLayout>
</file>

<file path=ppt/slideLayouts/slideLayout14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304800"/>
            <a:ext cx="2057400" cy="48006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304800"/>
            <a:ext cx="6096000" cy="4800600"/>
          </a:xfrm>
          <a:prstGeom prst="rect">
            <a:avLst/>
          </a:prstGeom>
        </p:spPr>
        <p:txBody>
          <a:bodyPr vert="eaVert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944572368"/>
      </p:ext>
    </p:extLst>
  </p:cSld>
  <p:clrMapOvr>
    <a:masterClrMapping/>
  </p:clrMapOvr>
  <p:transition/>
</p:sldLayout>
</file>

<file path=ppt/slideLayouts/slideLayout14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 algn="ctr">
              <a:buNone/>
              <a:defRPr b="0" i="0">
                <a:latin typeface="Helvetica Neue Regular" panose="02000503000000020004" pitchFamily="2" charset="0"/>
              </a:defRPr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364319115"/>
      </p:ext>
    </p:extLst>
  </p:cSld>
  <p:clrMapOvr>
    <a:masterClrMapping/>
  </p:clrMapOvr>
  <p:transition/>
</p:sldLayout>
</file>

<file path=ppt/slideLayouts/slideLayout14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333500"/>
            <a:ext cx="82296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911897472"/>
      </p:ext>
    </p:extLst>
  </p:cSld>
  <p:clrMapOvr>
    <a:masterClrMapping/>
  </p:clrMapOvr>
  <p:transition/>
</p:sldLayout>
</file>

<file path=ppt/slideLayouts/slideLayout14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</p:spPr>
        <p:txBody>
          <a:bodyPr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0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19195706"/>
      </p:ext>
    </p:extLst>
  </p:cSld>
  <p:clrMapOvr>
    <a:masterClrMapping/>
  </p:clrMapOvr>
  <p:transition/>
</p:sldLayout>
</file>

<file path=ppt/slideLayouts/slideLayout14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333500"/>
            <a:ext cx="40767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300" b="0" i="0">
                <a:latin typeface="Helvetica Neue Regular" panose="02000503000000020004" pitchFamily="2" charset="0"/>
              </a:defRPr>
            </a:lvl1pPr>
            <a:lvl2pPr>
              <a:defRPr sz="1200" b="0" i="0">
                <a:latin typeface="Helvetica Neue Regular" panose="02000503000000020004" pitchFamily="2" charset="0"/>
              </a:defRPr>
            </a:lvl2pPr>
            <a:lvl3pPr>
              <a:defRPr sz="1000" b="0" i="0">
                <a:latin typeface="Helvetica Neue Regular" panose="02000503000000020004" pitchFamily="2" charset="0"/>
              </a:defRPr>
            </a:lvl3pPr>
            <a:lvl4pPr>
              <a:defRPr sz="900" b="0" i="0">
                <a:latin typeface="Helvetica Neue Regular" panose="02000503000000020004" pitchFamily="2" charset="0"/>
              </a:defRPr>
            </a:lvl4pPr>
            <a:lvl5pPr>
              <a:defRPr sz="900" b="0" i="0">
                <a:latin typeface="Helvetica Neue Regular" panose="02000503000000020004" pitchFamily="2" charset="0"/>
              </a:defRPr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10100" y="1333500"/>
            <a:ext cx="40767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300" b="0" i="0">
                <a:latin typeface="Helvetica Neue Regular" panose="02000503000000020004" pitchFamily="2" charset="0"/>
              </a:defRPr>
            </a:lvl1pPr>
            <a:lvl2pPr>
              <a:defRPr sz="1200" b="0" i="0">
                <a:latin typeface="Helvetica Neue Regular" panose="02000503000000020004" pitchFamily="2" charset="0"/>
              </a:defRPr>
            </a:lvl2pPr>
            <a:lvl3pPr>
              <a:defRPr sz="1000" b="0" i="0">
                <a:latin typeface="Helvetica Neue Regular" panose="02000503000000020004" pitchFamily="2" charset="0"/>
              </a:defRPr>
            </a:lvl3pPr>
            <a:lvl4pPr>
              <a:defRPr sz="900" b="0" i="0">
                <a:latin typeface="Helvetica Neue Regular" panose="02000503000000020004" pitchFamily="2" charset="0"/>
              </a:defRPr>
            </a:lvl4pPr>
            <a:lvl5pPr>
              <a:defRPr sz="900" b="0" i="0">
                <a:latin typeface="Helvetica Neue Regular" panose="02000503000000020004" pitchFamily="2" charset="0"/>
              </a:defRPr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623122150"/>
      </p:ext>
    </p:extLst>
  </p:cSld>
  <p:clrMapOvr>
    <a:masterClrMapping/>
  </p:clrMapOvr>
  <p:transition/>
</p:sldLayout>
</file>

<file path=ppt/slideLayouts/slideLayout14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2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200" b="0" i="0">
                <a:latin typeface="Helvetica Neue Regular" panose="02000503000000020004" pitchFamily="2" charset="0"/>
              </a:defRPr>
            </a:lvl1pPr>
            <a:lvl2pPr>
              <a:defRPr sz="1000" b="0" i="0">
                <a:latin typeface="Helvetica Neue Regular" panose="02000503000000020004" pitchFamily="2" charset="0"/>
              </a:defRPr>
            </a:lvl2pPr>
            <a:lvl3pPr>
              <a:defRPr sz="900" b="0" i="0">
                <a:latin typeface="Helvetica Neue Regular" panose="02000503000000020004" pitchFamily="2" charset="0"/>
              </a:defRPr>
            </a:lvl3pPr>
            <a:lvl4pPr>
              <a:defRPr sz="800" b="0" i="0">
                <a:latin typeface="Helvetica Neue Regular" panose="02000503000000020004" pitchFamily="2" charset="0"/>
              </a:defRPr>
            </a:lvl4pPr>
            <a:lvl5pPr>
              <a:defRPr sz="800" b="0" i="0">
                <a:latin typeface="Helvetica Neue Regular" panose="02000503000000020004" pitchFamily="2" charset="0"/>
              </a:defRPr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2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200" b="0" i="0">
                <a:latin typeface="Helvetica Neue Regular" panose="02000503000000020004" pitchFamily="2" charset="0"/>
              </a:defRPr>
            </a:lvl1pPr>
            <a:lvl2pPr>
              <a:defRPr sz="1000" b="0" i="0">
                <a:latin typeface="Helvetica Neue Regular" panose="02000503000000020004" pitchFamily="2" charset="0"/>
              </a:defRPr>
            </a:lvl2pPr>
            <a:lvl3pPr>
              <a:defRPr sz="900" b="0" i="0">
                <a:latin typeface="Helvetica Neue Regular" panose="02000503000000020004" pitchFamily="2" charset="0"/>
              </a:defRPr>
            </a:lvl3pPr>
            <a:lvl4pPr>
              <a:defRPr sz="800" b="0" i="0">
                <a:latin typeface="Helvetica Neue Regular" panose="02000503000000020004" pitchFamily="2" charset="0"/>
              </a:defRPr>
            </a:lvl4pPr>
            <a:lvl5pPr>
              <a:defRPr sz="800" b="0" i="0">
                <a:latin typeface="Helvetica Neue Regular" panose="02000503000000020004" pitchFamily="2" charset="0"/>
              </a:defRPr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678278874"/>
      </p:ext>
    </p:extLst>
  </p:cSld>
  <p:clrMapOvr>
    <a:masterClrMapping/>
  </p:clrMapOvr>
  <p:transition/>
</p:sldLayout>
</file>

<file path=ppt/slideLayouts/slideLayout14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816167762"/>
      </p:ext>
    </p:extLst>
  </p:cSld>
  <p:clrMapOvr>
    <a:masterClrMapping/>
  </p:clrMapOvr>
  <p:transition/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333500"/>
            <a:ext cx="40767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300" b="0" i="0">
                <a:latin typeface="Helvetica Neue Regular" panose="02000503000000020004" pitchFamily="2" charset="0"/>
              </a:defRPr>
            </a:lvl1pPr>
            <a:lvl2pPr>
              <a:defRPr sz="1200" b="0" i="0">
                <a:latin typeface="Helvetica Neue Regular" panose="02000503000000020004" pitchFamily="2" charset="0"/>
              </a:defRPr>
            </a:lvl2pPr>
            <a:lvl3pPr>
              <a:defRPr sz="1000" b="0" i="0">
                <a:latin typeface="Helvetica Neue Regular" panose="02000503000000020004" pitchFamily="2" charset="0"/>
              </a:defRPr>
            </a:lvl3pPr>
            <a:lvl4pPr>
              <a:defRPr sz="900" b="0" i="0">
                <a:latin typeface="Helvetica Neue Regular" panose="02000503000000020004" pitchFamily="2" charset="0"/>
              </a:defRPr>
            </a:lvl4pPr>
            <a:lvl5pPr>
              <a:defRPr sz="900" b="0" i="0">
                <a:latin typeface="Helvetica Neue Regular" panose="02000503000000020004" pitchFamily="2" charset="0"/>
              </a:defRPr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10100" y="1333500"/>
            <a:ext cx="40767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300" b="0" i="0">
                <a:latin typeface="Helvetica Neue Regular" panose="02000503000000020004" pitchFamily="2" charset="0"/>
              </a:defRPr>
            </a:lvl1pPr>
            <a:lvl2pPr>
              <a:defRPr sz="1200" b="0" i="0">
                <a:latin typeface="Helvetica Neue Regular" panose="02000503000000020004" pitchFamily="2" charset="0"/>
              </a:defRPr>
            </a:lvl2pPr>
            <a:lvl3pPr>
              <a:defRPr sz="1000" b="0" i="0">
                <a:latin typeface="Helvetica Neue Regular" panose="02000503000000020004" pitchFamily="2" charset="0"/>
              </a:defRPr>
            </a:lvl3pPr>
            <a:lvl4pPr>
              <a:defRPr sz="900" b="0" i="0">
                <a:latin typeface="Helvetica Neue Regular" panose="02000503000000020004" pitchFamily="2" charset="0"/>
              </a:defRPr>
            </a:lvl4pPr>
            <a:lvl5pPr>
              <a:defRPr sz="900" b="0" i="0">
                <a:latin typeface="Helvetica Neue Regular" panose="02000503000000020004" pitchFamily="2" charset="0"/>
              </a:defRPr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ext Box 1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ABC8179C-9B6A-F740-912A-FCFE17A138FC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2050426"/>
      </p:ext>
    </p:extLst>
  </p:cSld>
  <p:clrMapOvr>
    <a:masterClrMapping/>
  </p:clrMapOvr>
  <p:transition/>
</p:sldLayout>
</file>

<file path=ppt/slideLayouts/slideLayout15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95936757"/>
      </p:ext>
    </p:extLst>
  </p:cSld>
  <p:clrMapOvr>
    <a:masterClrMapping/>
  </p:clrMapOvr>
  <p:transition/>
</p:sldLayout>
</file>

<file path=ppt/slideLayouts/slideLayout15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500" b="0" i="0">
                <a:latin typeface="Helvetica Neue Regular" panose="02000503000000020004" pitchFamily="2" charset="0"/>
              </a:defRPr>
            </a:lvl1pPr>
            <a:lvl2pPr>
              <a:defRPr sz="1300" b="0" i="0">
                <a:latin typeface="Helvetica Neue Regular" panose="02000503000000020004" pitchFamily="2" charset="0"/>
              </a:defRPr>
            </a:lvl2pPr>
            <a:lvl3pPr>
              <a:defRPr sz="1200" b="0" i="0">
                <a:latin typeface="Helvetica Neue Regular" panose="02000503000000020004" pitchFamily="2" charset="0"/>
              </a:defRPr>
            </a:lvl3pPr>
            <a:lvl4pPr>
              <a:defRPr sz="1000" b="0" i="0">
                <a:latin typeface="Helvetica Neue Regular" panose="02000503000000020004" pitchFamily="2" charset="0"/>
              </a:defRPr>
            </a:lvl4pPr>
            <a:lvl5pPr>
              <a:defRPr sz="1000" b="0" i="0">
                <a:latin typeface="Helvetica Neue Regular" panose="02000503000000020004" pitchFamily="2" charset="0"/>
              </a:defRPr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7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618797273"/>
      </p:ext>
    </p:extLst>
  </p:cSld>
  <p:clrMapOvr>
    <a:masterClrMapping/>
  </p:clrMapOvr>
  <p:transition/>
</p:sldLayout>
</file>

<file path=ppt/slideLayouts/slideLayout15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15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 dirty="0">
              <a:sym typeface="Bradley Hand ITC TT-Bold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7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666569504"/>
      </p:ext>
    </p:extLst>
  </p:cSld>
  <p:clrMapOvr>
    <a:masterClrMapping/>
  </p:clrMapOvr>
  <p:transition/>
</p:sldLayout>
</file>

<file path=ppt/slideLayouts/slideLayout15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333500"/>
            <a:ext cx="8229600" cy="3771900"/>
          </a:xfrm>
          <a:prstGeom prst="rect">
            <a:avLst/>
          </a:prstGeom>
        </p:spPr>
        <p:txBody>
          <a:bodyPr vert="eaVert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95835084"/>
      </p:ext>
    </p:extLst>
  </p:cSld>
  <p:clrMapOvr>
    <a:masterClrMapping/>
  </p:clrMapOvr>
  <p:transition/>
</p:sldLayout>
</file>

<file path=ppt/slideLayouts/slideLayout15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1333500"/>
            <a:ext cx="2057400" cy="37719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333500"/>
            <a:ext cx="6096000" cy="3771900"/>
          </a:xfrm>
          <a:prstGeom prst="rect">
            <a:avLst/>
          </a:prstGeom>
        </p:spPr>
        <p:txBody>
          <a:bodyPr vert="eaVert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146713327"/>
      </p:ext>
    </p:extLst>
  </p:cSld>
  <p:clrMapOvr>
    <a:masterClrMapping/>
  </p:clrMapOvr>
  <p:transition/>
</p:sldLayout>
</file>

<file path=ppt/slideLayouts/slideLayout15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</p:spPr>
        <p:txBody>
          <a:bodyPr/>
          <a:lstStyle>
            <a:lvl1pPr marL="0" indent="0" algn="ctr">
              <a:buNone/>
              <a:defRPr/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782129687"/>
      </p:ext>
    </p:extLst>
  </p:cSld>
  <p:clrMapOvr>
    <a:masterClrMapping/>
  </p:clrMapOvr>
  <p:transition/>
</p:sldLayout>
</file>

<file path=ppt/slideLayouts/slideLayout15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742608186"/>
      </p:ext>
    </p:extLst>
  </p:cSld>
  <p:clrMapOvr>
    <a:masterClrMapping/>
  </p:clrMapOvr>
  <p:transition/>
</p:sldLayout>
</file>

<file path=ppt/slideLayouts/slideLayout15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</p:spPr>
        <p:txBody>
          <a:bodyPr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</p:spPr>
        <p:txBody>
          <a:bodyPr anchor="b"/>
          <a:lstStyle>
            <a:lvl1pPr marL="0" indent="0">
              <a:buNone/>
              <a:defRPr sz="1000"/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869248894"/>
      </p:ext>
    </p:extLst>
  </p:cSld>
  <p:clrMapOvr>
    <a:masterClrMapping/>
  </p:clrMapOvr>
  <p:transition/>
</p:sldLayout>
</file>

<file path=ppt/slideLayouts/slideLayout15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36600" y="4857750"/>
            <a:ext cx="3803650" cy="58420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16450" y="4857750"/>
            <a:ext cx="3803650" cy="58420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048755379"/>
      </p:ext>
    </p:extLst>
  </p:cSld>
  <p:clrMapOvr>
    <a:masterClrMapping/>
  </p:clrMapOvr>
  <p:transition/>
</p:sldLayout>
</file>

<file path=ppt/slideLayouts/slideLayout15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265015895"/>
      </p:ext>
    </p:extLst>
  </p:cSld>
  <p:clrMapOvr>
    <a:masterClrMapping/>
  </p:clrMapOvr>
  <p:transition/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2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200" b="0" i="0">
                <a:latin typeface="Helvetica Neue Regular" panose="02000503000000020004" pitchFamily="2" charset="0"/>
              </a:defRPr>
            </a:lvl1pPr>
            <a:lvl2pPr>
              <a:defRPr sz="1000" b="0" i="0">
                <a:latin typeface="Helvetica Neue Regular" panose="02000503000000020004" pitchFamily="2" charset="0"/>
              </a:defRPr>
            </a:lvl2pPr>
            <a:lvl3pPr>
              <a:defRPr sz="900" b="0" i="0">
                <a:latin typeface="Helvetica Neue Regular" panose="02000503000000020004" pitchFamily="2" charset="0"/>
              </a:defRPr>
            </a:lvl3pPr>
            <a:lvl4pPr>
              <a:defRPr sz="800" b="0" i="0">
                <a:latin typeface="Helvetica Neue Regular" panose="02000503000000020004" pitchFamily="2" charset="0"/>
              </a:defRPr>
            </a:lvl4pPr>
            <a:lvl5pPr>
              <a:defRPr sz="800" b="0" i="0">
                <a:latin typeface="Helvetica Neue Regular" panose="02000503000000020004" pitchFamily="2" charset="0"/>
              </a:defRPr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2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200" b="0" i="0">
                <a:latin typeface="Helvetica Neue Regular" panose="02000503000000020004" pitchFamily="2" charset="0"/>
              </a:defRPr>
            </a:lvl1pPr>
            <a:lvl2pPr>
              <a:defRPr sz="1000" b="0" i="0">
                <a:latin typeface="Helvetica Neue Regular" panose="02000503000000020004" pitchFamily="2" charset="0"/>
              </a:defRPr>
            </a:lvl2pPr>
            <a:lvl3pPr>
              <a:defRPr sz="900" b="0" i="0">
                <a:latin typeface="Helvetica Neue Regular" panose="02000503000000020004" pitchFamily="2" charset="0"/>
              </a:defRPr>
            </a:lvl3pPr>
            <a:lvl4pPr>
              <a:defRPr sz="800" b="0" i="0">
                <a:latin typeface="Helvetica Neue Regular" panose="02000503000000020004" pitchFamily="2" charset="0"/>
              </a:defRPr>
            </a:lvl4pPr>
            <a:lvl5pPr>
              <a:defRPr sz="800" b="0" i="0">
                <a:latin typeface="Helvetica Neue Regular" panose="02000503000000020004" pitchFamily="2" charset="0"/>
              </a:defRPr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ext Box 1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C5620B05-77A2-D94E-A5C0-4D085F0CAE91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2077858"/>
      </p:ext>
    </p:extLst>
  </p:cSld>
  <p:clrMapOvr>
    <a:masterClrMapping/>
  </p:clrMapOvr>
  <p:transition/>
</p:sldLayout>
</file>

<file path=ppt/slideLayouts/slideLayout16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4254027156"/>
      </p:ext>
    </p:extLst>
  </p:cSld>
  <p:clrMapOvr>
    <a:masterClrMapping/>
  </p:clrMapOvr>
  <p:transition/>
</p:sldLayout>
</file>

<file path=ppt/slideLayouts/slideLayout16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115165723"/>
      </p:ext>
    </p:extLst>
  </p:cSld>
  <p:clrMapOvr>
    <a:masterClrMapping/>
  </p:clrMapOvr>
  <p:transition/>
</p:sldLayout>
</file>

<file path=ppt/slideLayouts/slideLayout16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</p:spPr>
        <p:txBody>
          <a:bodyPr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</p:spPr>
        <p:txBody>
          <a:bodyPr/>
          <a:lstStyle>
            <a:lvl1pPr>
              <a:defRPr sz="1500"/>
            </a:lvl1pPr>
            <a:lvl2pPr>
              <a:defRPr sz="1300"/>
            </a:lvl2pPr>
            <a:lvl3pPr>
              <a:defRPr sz="1200"/>
            </a:lvl3pPr>
            <a:lvl4pPr>
              <a:defRPr sz="1000"/>
            </a:lvl4pPr>
            <a:lvl5pPr>
              <a:defRPr sz="1000"/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060711964"/>
      </p:ext>
    </p:extLst>
  </p:cSld>
  <p:clrMapOvr>
    <a:masterClrMapping/>
  </p:clrMapOvr>
  <p:transition/>
</p:sldLayout>
</file>

<file path=ppt/slideLayouts/slideLayout16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</p:spPr>
        <p:txBody>
          <a:bodyPr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</p:spPr>
        <p:txBody>
          <a:bodyPr/>
          <a:lstStyle>
            <a:lvl1pPr marL="0" indent="0">
              <a:buNone/>
              <a:defRPr sz="1500"/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>
              <a:sym typeface="Bradley Hand ITC TT-Bold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795497835"/>
      </p:ext>
    </p:extLst>
  </p:cSld>
  <p:clrMapOvr>
    <a:masterClrMapping/>
  </p:clrMapOvr>
  <p:transition/>
</p:sldLayout>
</file>

<file path=ppt/slideLayouts/slideLayout16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51923085"/>
      </p:ext>
    </p:extLst>
  </p:cSld>
  <p:clrMapOvr>
    <a:masterClrMapping/>
  </p:clrMapOvr>
  <p:transition/>
</p:sldLayout>
</file>

<file path=ppt/slideLayouts/slideLayout16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499231" y="4083050"/>
            <a:ext cx="1920875" cy="13589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36604" y="4083050"/>
            <a:ext cx="5686425" cy="135890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670960372"/>
      </p:ext>
    </p:extLst>
  </p:cSld>
  <p:clrMapOvr>
    <a:masterClrMapping/>
  </p:clrMapOvr>
  <p:transition/>
</p:sldLayout>
</file>

<file path=ppt/slideLayouts/slideLayout16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</p:spPr>
        <p:txBody>
          <a:bodyPr/>
          <a:lstStyle>
            <a:lvl1pPr marL="0" indent="0" algn="ctr">
              <a:buNone/>
              <a:defRPr/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03007280-D324-DD49-9692-82DBEE043CA4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9208656"/>
      </p:ext>
    </p:extLst>
  </p:cSld>
  <p:clrMapOvr>
    <a:masterClrMapping/>
  </p:clrMapOvr>
  <p:transition/>
</p:sldLayout>
</file>

<file path=ppt/slideLayouts/slideLayout16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044811B0-4D4F-7242-ABF0-440E6F04FA6E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1376617"/>
      </p:ext>
    </p:extLst>
  </p:cSld>
  <p:clrMapOvr>
    <a:masterClrMapping/>
  </p:clrMapOvr>
  <p:transition/>
</p:sldLayout>
</file>

<file path=ppt/slideLayouts/slideLayout168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</p:spPr>
        <p:txBody>
          <a:bodyPr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</p:spPr>
        <p:txBody>
          <a:bodyPr anchor="b"/>
          <a:lstStyle>
            <a:lvl1pPr marL="0" indent="0">
              <a:buNone/>
              <a:defRPr sz="1000"/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D2FE33C1-6D18-7A47-8EC1-E52168851D80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5229928"/>
      </p:ext>
    </p:extLst>
  </p:cSld>
  <p:clrMapOvr>
    <a:masterClrMapping/>
  </p:clrMapOvr>
  <p:transition/>
</p:sldLayout>
</file>

<file path=ppt/slideLayouts/slideLayout16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36600" y="4857750"/>
            <a:ext cx="3803650" cy="58420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16450" y="4857750"/>
            <a:ext cx="3803650" cy="58420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74266230-B0F3-934E-9DD6-3DF1351B36D1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24940142"/>
      </p:ext>
    </p:extLst>
  </p:cSld>
  <p:clrMapOvr>
    <a:masterClrMapping/>
  </p:clrMapOvr>
  <p:transition/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Box 1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E5C03557-2352-C24C-8F57-317C51A7CC4F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2158167"/>
      </p:ext>
    </p:extLst>
  </p:cSld>
  <p:clrMapOvr>
    <a:masterClrMapping/>
  </p:clrMapOvr>
  <p:transition/>
</p:sldLayout>
</file>

<file path=ppt/slideLayouts/slideLayout170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2BECD7F8-4D40-C849-98CD-B15087D77227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6293533"/>
      </p:ext>
    </p:extLst>
  </p:cSld>
  <p:clrMapOvr>
    <a:masterClrMapping/>
  </p:clrMapOvr>
  <p:transition/>
</p:sldLayout>
</file>

<file path=ppt/slideLayouts/slideLayout17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B5473139-033A-E24E-8BA7-33251E1EEA56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5142993"/>
      </p:ext>
    </p:extLst>
  </p:cSld>
  <p:clrMapOvr>
    <a:masterClrMapping/>
  </p:clrMapOvr>
  <p:transition/>
</p:sldLayout>
</file>

<file path=ppt/slideLayouts/slideLayout17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BC0AA4C7-47F4-A546-838B-9D663C3FD8CA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733538"/>
      </p:ext>
    </p:extLst>
  </p:cSld>
  <p:clrMapOvr>
    <a:masterClrMapping/>
  </p:clrMapOvr>
  <p:transition/>
</p:sldLayout>
</file>

<file path=ppt/slideLayouts/slideLayout173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</p:spPr>
        <p:txBody>
          <a:bodyPr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</p:spPr>
        <p:txBody>
          <a:bodyPr/>
          <a:lstStyle>
            <a:lvl1pPr>
              <a:defRPr sz="1500"/>
            </a:lvl1pPr>
            <a:lvl2pPr>
              <a:defRPr sz="1300"/>
            </a:lvl2pPr>
            <a:lvl3pPr>
              <a:defRPr sz="1200"/>
            </a:lvl3pPr>
            <a:lvl4pPr>
              <a:defRPr sz="1000"/>
            </a:lvl4pPr>
            <a:lvl5pPr>
              <a:defRPr sz="1000"/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E707A202-60D3-FE44-BFB0-F93E85348557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9436242"/>
      </p:ext>
    </p:extLst>
  </p:cSld>
  <p:clrMapOvr>
    <a:masterClrMapping/>
  </p:clrMapOvr>
  <p:transition/>
</p:sldLayout>
</file>

<file path=ppt/slideLayouts/slideLayout17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</p:spPr>
        <p:txBody>
          <a:bodyPr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</p:spPr>
        <p:txBody>
          <a:bodyPr/>
          <a:lstStyle>
            <a:lvl1pPr marL="0" indent="0">
              <a:buNone/>
              <a:defRPr sz="1500"/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>
              <a:sym typeface="Bradley Hand ITC TT-Bold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CBFB0DAD-2FB5-E040-826D-ED9BA6373C3B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37002533"/>
      </p:ext>
    </p:extLst>
  </p:cSld>
  <p:clrMapOvr>
    <a:masterClrMapping/>
  </p:clrMapOvr>
  <p:transition/>
</p:sldLayout>
</file>

<file path=ppt/slideLayouts/slideLayout17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D941FA14-6016-9247-B285-E6140A16BC88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7361441"/>
      </p:ext>
    </p:extLst>
  </p:cSld>
  <p:clrMapOvr>
    <a:masterClrMapping/>
  </p:clrMapOvr>
  <p:transition/>
</p:sldLayout>
</file>

<file path=ppt/slideLayouts/slideLayout17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499231" y="4083050"/>
            <a:ext cx="1920875" cy="13589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36604" y="4083050"/>
            <a:ext cx="5686425" cy="135890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22200759-5A73-844D-BF7F-891A96C631C8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2653094"/>
      </p:ext>
    </p:extLst>
  </p:cSld>
  <p:clrMapOvr>
    <a:masterClrMapping/>
  </p:clrMapOvr>
  <p:transition/>
</p:sldLayout>
</file>

<file path=ppt/slideLayouts/slideLayout17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</p:spPr>
        <p:txBody>
          <a:bodyPr/>
          <a:lstStyle>
            <a:lvl1pPr marL="0" indent="0" algn="ctr">
              <a:buNone/>
              <a:defRPr/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4128215021"/>
      </p:ext>
    </p:extLst>
  </p:cSld>
  <p:clrMapOvr>
    <a:masterClrMapping/>
  </p:clrMapOvr>
  <p:transition/>
</p:sldLayout>
</file>

<file path=ppt/slideLayouts/slideLayout17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740364020"/>
      </p:ext>
    </p:extLst>
  </p:cSld>
  <p:clrMapOvr>
    <a:masterClrMapping/>
  </p:clrMapOvr>
  <p:transition/>
</p:sldLayout>
</file>

<file path=ppt/slideLayouts/slideLayout179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</p:spPr>
        <p:txBody>
          <a:bodyPr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</p:spPr>
        <p:txBody>
          <a:bodyPr anchor="b"/>
          <a:lstStyle>
            <a:lvl1pPr marL="0" indent="0">
              <a:buNone/>
              <a:defRPr sz="1000"/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919758346"/>
      </p:ext>
    </p:extLst>
  </p:cSld>
  <p:clrMapOvr>
    <a:masterClrMapping/>
  </p:clrMapOvr>
  <p:transition/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1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8069E1DB-F703-4B47-AFEA-33E8FAFE0DF1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456461"/>
      </p:ext>
    </p:extLst>
  </p:cSld>
  <p:clrMapOvr>
    <a:masterClrMapping/>
  </p:clrMapOvr>
  <p:transition/>
</p:sldLayout>
</file>

<file path=ppt/slideLayouts/slideLayout18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36600" y="1625600"/>
            <a:ext cx="1701800" cy="335280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2514600" y="1625600"/>
            <a:ext cx="1701800" cy="335280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069634859"/>
      </p:ext>
    </p:extLst>
  </p:cSld>
  <p:clrMapOvr>
    <a:masterClrMapping/>
  </p:clrMapOvr>
  <p:transition/>
</p:sldLayout>
</file>

<file path=ppt/slideLayouts/slideLayout18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897463973"/>
      </p:ext>
    </p:extLst>
  </p:cSld>
  <p:clrMapOvr>
    <a:masterClrMapping/>
  </p:clrMapOvr>
  <p:transition/>
</p:sldLayout>
</file>

<file path=ppt/slideLayouts/slideLayout18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262604594"/>
      </p:ext>
    </p:extLst>
  </p:cSld>
  <p:clrMapOvr>
    <a:masterClrMapping/>
  </p:clrMapOvr>
  <p:transition/>
</p:sldLayout>
</file>

<file path=ppt/slideLayouts/slideLayout18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985545949"/>
      </p:ext>
    </p:extLst>
  </p:cSld>
  <p:clrMapOvr>
    <a:masterClrMapping/>
  </p:clrMapOvr>
  <p:transition/>
</p:sldLayout>
</file>

<file path=ppt/slideLayouts/slideLayout184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</p:spPr>
        <p:txBody>
          <a:bodyPr/>
          <a:lstStyle>
            <a:lvl1pPr>
              <a:defRPr sz="1500"/>
            </a:lvl1pPr>
            <a:lvl2pPr>
              <a:defRPr sz="1300"/>
            </a:lvl2pPr>
            <a:lvl3pPr>
              <a:defRPr sz="1200"/>
            </a:lvl3pPr>
            <a:lvl4pPr>
              <a:defRPr sz="1000"/>
            </a:lvl4pPr>
            <a:lvl5pPr>
              <a:defRPr sz="1000"/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279883842"/>
      </p:ext>
    </p:extLst>
  </p:cSld>
  <p:clrMapOvr>
    <a:masterClrMapping/>
  </p:clrMapOvr>
  <p:transition/>
</p:sldLayout>
</file>

<file path=ppt/slideLayouts/slideLayout185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</p:spPr>
        <p:txBody>
          <a:bodyPr/>
          <a:lstStyle>
            <a:lvl1pPr marL="0" indent="0">
              <a:buNone/>
              <a:defRPr sz="1500"/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>
              <a:sym typeface="Bradley Hand ITC TT-Bold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450223649"/>
      </p:ext>
    </p:extLst>
  </p:cSld>
  <p:clrMapOvr>
    <a:masterClrMapping/>
  </p:clrMapOvr>
  <p:transition/>
</p:sldLayout>
</file>

<file path=ppt/slideLayouts/slideLayout18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405542478"/>
      </p:ext>
    </p:extLst>
  </p:cSld>
  <p:clrMapOvr>
    <a:masterClrMapping/>
  </p:clrMapOvr>
  <p:transition/>
</p:sldLayout>
</file>

<file path=ppt/slideLayouts/slideLayout18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499231" y="304800"/>
            <a:ext cx="1920875" cy="46736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36604" y="304800"/>
            <a:ext cx="5686425" cy="467360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773083083"/>
      </p:ext>
    </p:extLst>
  </p:cSld>
  <p:clrMapOvr>
    <a:masterClrMapping/>
  </p:clrMapOvr>
  <p:transition/>
</p:sldLayout>
</file>

<file path=ppt/slideLayouts/slideLayout18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</p:spPr>
        <p:txBody>
          <a:bodyPr/>
          <a:lstStyle>
            <a:lvl1pPr marL="0" indent="0" algn="ctr">
              <a:buNone/>
              <a:defRPr/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3791624217"/>
      </p:ext>
    </p:extLst>
  </p:cSld>
  <p:clrMapOvr>
    <a:masterClrMapping/>
  </p:clrMapOvr>
  <p:transition/>
</p:sldLayout>
</file>

<file path=ppt/slideLayouts/slideLayout18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189986442"/>
      </p:ext>
    </p:extLst>
  </p:cSld>
  <p:clrMapOvr>
    <a:masterClrMapping/>
  </p:clrMapOvr>
  <p:transition/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500" b="0" i="0">
                <a:latin typeface="Helvetica Neue Regular" panose="02000503000000020004" pitchFamily="2" charset="0"/>
              </a:defRPr>
            </a:lvl1pPr>
            <a:lvl2pPr>
              <a:defRPr sz="1300" b="0" i="0">
                <a:latin typeface="Helvetica Neue Regular" panose="02000503000000020004" pitchFamily="2" charset="0"/>
              </a:defRPr>
            </a:lvl2pPr>
            <a:lvl3pPr>
              <a:defRPr sz="1200" b="0" i="0">
                <a:latin typeface="Helvetica Neue Regular" panose="02000503000000020004" pitchFamily="2" charset="0"/>
              </a:defRPr>
            </a:lvl3pPr>
            <a:lvl4pPr>
              <a:defRPr sz="1000" b="0" i="0">
                <a:latin typeface="Helvetica Neue Regular" panose="02000503000000020004" pitchFamily="2" charset="0"/>
              </a:defRPr>
            </a:lvl4pPr>
            <a:lvl5pPr>
              <a:defRPr sz="1000" b="0" i="0">
                <a:latin typeface="Helvetica Neue Regular" panose="02000503000000020004" pitchFamily="2" charset="0"/>
              </a:defRPr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7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ext Box 1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7F4386AA-80DC-3341-A5D0-251BCDC35419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6515419"/>
      </p:ext>
    </p:extLst>
  </p:cSld>
  <p:clrMapOvr>
    <a:masterClrMapping/>
  </p:clrMapOvr>
  <p:transition/>
</p:sldLayout>
</file>

<file path=ppt/slideLayouts/slideLayout190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</p:spPr>
        <p:txBody>
          <a:bodyPr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</p:spPr>
        <p:txBody>
          <a:bodyPr anchor="b"/>
          <a:lstStyle>
            <a:lvl1pPr marL="0" indent="0">
              <a:buNone/>
              <a:defRPr sz="1000"/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003732208"/>
      </p:ext>
    </p:extLst>
  </p:cSld>
  <p:clrMapOvr>
    <a:masterClrMapping/>
  </p:clrMapOvr>
  <p:transition/>
</p:sldLayout>
</file>

<file path=ppt/slideLayouts/slideLayout19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927600" y="1625600"/>
            <a:ext cx="1701800" cy="335280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705600" y="1625600"/>
            <a:ext cx="1701800" cy="335280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800096929"/>
      </p:ext>
    </p:extLst>
  </p:cSld>
  <p:clrMapOvr>
    <a:masterClrMapping/>
  </p:clrMapOvr>
  <p:transition/>
</p:sldLayout>
</file>

<file path=ppt/slideLayouts/slideLayout192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746355599"/>
      </p:ext>
    </p:extLst>
  </p:cSld>
  <p:clrMapOvr>
    <a:masterClrMapping/>
  </p:clrMapOvr>
  <p:transition/>
</p:sldLayout>
</file>

<file path=ppt/slideLayouts/slideLayout19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809361164"/>
      </p:ext>
    </p:extLst>
  </p:cSld>
  <p:clrMapOvr>
    <a:masterClrMapping/>
  </p:clrMapOvr>
  <p:transition/>
</p:sldLayout>
</file>

<file path=ppt/slideLayouts/slideLayout19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225604198"/>
      </p:ext>
    </p:extLst>
  </p:cSld>
  <p:clrMapOvr>
    <a:masterClrMapping/>
  </p:clrMapOvr>
  <p:transition/>
</p:sldLayout>
</file>

<file path=ppt/slideLayouts/slideLayout195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</p:spPr>
        <p:txBody>
          <a:bodyPr/>
          <a:lstStyle>
            <a:lvl1pPr>
              <a:defRPr sz="1500"/>
            </a:lvl1pPr>
            <a:lvl2pPr>
              <a:defRPr sz="1300"/>
            </a:lvl2pPr>
            <a:lvl3pPr>
              <a:defRPr sz="1200"/>
            </a:lvl3pPr>
            <a:lvl4pPr>
              <a:defRPr sz="1000"/>
            </a:lvl4pPr>
            <a:lvl5pPr>
              <a:defRPr sz="1000"/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206193659"/>
      </p:ext>
    </p:extLst>
  </p:cSld>
  <p:clrMapOvr>
    <a:masterClrMapping/>
  </p:clrMapOvr>
  <p:transition/>
</p:sldLayout>
</file>

<file path=ppt/slideLayouts/slideLayout196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</p:spPr>
        <p:txBody>
          <a:bodyPr/>
          <a:lstStyle>
            <a:lvl1pPr marL="0" indent="0">
              <a:buNone/>
              <a:defRPr sz="1500"/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>
              <a:sym typeface="Bradley Hand ITC TT-Bold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669174332"/>
      </p:ext>
    </p:extLst>
  </p:cSld>
  <p:clrMapOvr>
    <a:masterClrMapping/>
  </p:clrMapOvr>
  <p:transition/>
</p:sldLayout>
</file>

<file path=ppt/slideLayouts/slideLayout19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853902638"/>
      </p:ext>
    </p:extLst>
  </p:cSld>
  <p:clrMapOvr>
    <a:masterClrMapping/>
  </p:clrMapOvr>
  <p:transition/>
</p:sldLayout>
</file>

<file path=ppt/slideLayouts/slideLayout19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499231" y="304800"/>
            <a:ext cx="1920875" cy="46736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36604" y="304800"/>
            <a:ext cx="5686425" cy="467360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881441582"/>
      </p:ext>
    </p:extLst>
  </p:cSld>
  <p:clrMapOvr>
    <a:masterClrMapping/>
  </p:clrMapOvr>
  <p:transition/>
</p:sldLayout>
</file>

<file path=ppt/slideLayouts/slideLayout19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</p:spPr>
        <p:txBody>
          <a:bodyPr/>
          <a:lstStyle>
            <a:lvl1pPr marL="0" indent="0" algn="ctr">
              <a:buNone/>
              <a:defRPr/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BBA44DD1-9D6F-C348-9283-007659A90CC0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17251876"/>
      </p:ext>
    </p:extLst>
  </p:cSld>
  <p:clrMapOvr>
    <a:masterClrMapping/>
  </p:clrMapOvr>
  <p:transition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DCC91E03-8CC4-A84A-A4A4-851045E8AACA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4317497"/>
      </p:ext>
    </p:extLst>
  </p:cSld>
  <p:clrMapOvr>
    <a:masterClrMapping/>
  </p:clrMapOvr>
  <p:transition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15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 dirty="0">
              <a:sym typeface="Bradley Hand ITC TT-Bold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7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ext Box 1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0A54A2AB-451A-5844-9E22-0349D2F9342C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3192978"/>
      </p:ext>
    </p:extLst>
  </p:cSld>
  <p:clrMapOvr>
    <a:masterClrMapping/>
  </p:clrMapOvr>
  <p:transition/>
</p:sldLayout>
</file>

<file path=ppt/slideLayouts/slideLayout20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38292DA0-6532-FD42-A822-520538E8CDE6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4986562"/>
      </p:ext>
    </p:extLst>
  </p:cSld>
  <p:clrMapOvr>
    <a:masterClrMapping/>
  </p:clrMapOvr>
  <p:transition/>
</p:sldLayout>
</file>

<file path=ppt/slideLayouts/slideLayout201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</p:spPr>
        <p:txBody>
          <a:bodyPr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</p:spPr>
        <p:txBody>
          <a:bodyPr anchor="b"/>
          <a:lstStyle>
            <a:lvl1pPr marL="0" indent="0">
              <a:buNone/>
              <a:defRPr sz="1000"/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1AEE4D68-BFC1-DC4F-AF7F-215A0D84BF90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22827498"/>
      </p:ext>
    </p:extLst>
  </p:cSld>
  <p:clrMapOvr>
    <a:masterClrMapping/>
  </p:clrMapOvr>
  <p:transition/>
</p:sldLayout>
</file>

<file path=ppt/slideLayouts/slideLayout20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36600" y="1625600"/>
            <a:ext cx="3803650" cy="335280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16450" y="1625600"/>
            <a:ext cx="3803650" cy="335280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F739F93A-6B00-1B44-BBB5-6DBBBA220A90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86024643"/>
      </p:ext>
    </p:extLst>
  </p:cSld>
  <p:clrMapOvr>
    <a:masterClrMapping/>
  </p:clrMapOvr>
  <p:transition/>
</p:sldLayout>
</file>

<file path=ppt/slideLayouts/slideLayout203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6543B0C0-39A2-E446-928C-A70486CC5D8D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661384"/>
      </p:ext>
    </p:extLst>
  </p:cSld>
  <p:clrMapOvr>
    <a:masterClrMapping/>
  </p:clrMapOvr>
  <p:transition/>
</p:sldLayout>
</file>

<file path=ppt/slideLayouts/slideLayout20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BD380BC3-FA63-8B45-83D2-41F9DB476FD1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4398005"/>
      </p:ext>
    </p:extLst>
  </p:cSld>
  <p:clrMapOvr>
    <a:masterClrMapping/>
  </p:clrMapOvr>
  <p:transition/>
</p:sldLayout>
</file>

<file path=ppt/slideLayouts/slideLayout20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371393A7-D4FE-5B46-9022-06E4EF653F44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48388737"/>
      </p:ext>
    </p:extLst>
  </p:cSld>
  <p:clrMapOvr>
    <a:masterClrMapping/>
  </p:clrMapOvr>
  <p:transition/>
</p:sldLayout>
</file>

<file path=ppt/slideLayouts/slideLayout206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</p:spPr>
        <p:txBody>
          <a:bodyPr/>
          <a:lstStyle>
            <a:lvl1pPr>
              <a:defRPr sz="1500"/>
            </a:lvl1pPr>
            <a:lvl2pPr>
              <a:defRPr sz="1300"/>
            </a:lvl2pPr>
            <a:lvl3pPr>
              <a:defRPr sz="1200"/>
            </a:lvl3pPr>
            <a:lvl4pPr>
              <a:defRPr sz="1000"/>
            </a:lvl4pPr>
            <a:lvl5pPr>
              <a:defRPr sz="1000"/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699EC986-A58E-0B4A-BA65-F14595CC1391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1498820"/>
      </p:ext>
    </p:extLst>
  </p:cSld>
  <p:clrMapOvr>
    <a:masterClrMapping/>
  </p:clrMapOvr>
  <p:transition/>
</p:sldLayout>
</file>

<file path=ppt/slideLayouts/slideLayout20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</p:spPr>
        <p:txBody>
          <a:bodyPr/>
          <a:lstStyle>
            <a:lvl1pPr marL="0" indent="0">
              <a:buNone/>
              <a:defRPr sz="1500"/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>
              <a:sym typeface="Bradley Hand ITC TT-Bold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8EDB46F5-4B28-B341-8E5B-BD9E029F20E7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5772890"/>
      </p:ext>
    </p:extLst>
  </p:cSld>
  <p:clrMapOvr>
    <a:masterClrMapping/>
  </p:clrMapOvr>
  <p:transition/>
</p:sldLayout>
</file>

<file path=ppt/slideLayouts/slideLayout20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8E1FDF43-98FE-0349-BD70-78E6E2752A91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7106095"/>
      </p:ext>
    </p:extLst>
  </p:cSld>
  <p:clrMapOvr>
    <a:masterClrMapping/>
  </p:clrMapOvr>
  <p:transition/>
</p:sldLayout>
</file>

<file path=ppt/slideLayouts/slideLayout20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499231" y="304800"/>
            <a:ext cx="1920875" cy="46736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36604" y="304800"/>
            <a:ext cx="5686425" cy="467360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85BF5E9A-98E7-AE45-A533-A10CB0545E40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57875316"/>
      </p:ext>
    </p:extLst>
  </p:cSld>
  <p:clrMapOvr>
    <a:masterClrMapping/>
  </p:clrMapOvr>
  <p:transition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333500"/>
            <a:ext cx="8229600" cy="3771900"/>
          </a:xfrm>
          <a:prstGeom prst="rect">
            <a:avLst/>
          </a:prstGeom>
        </p:spPr>
        <p:txBody>
          <a:bodyPr vert="eaVert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Box 1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6A050871-E857-2447-85D5-23A655856C3D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2767784"/>
      </p:ext>
    </p:extLst>
  </p:cSld>
  <p:clrMapOvr>
    <a:masterClrMapping/>
  </p:clrMapOvr>
  <p:transition/>
</p:sldLayout>
</file>

<file path=ppt/slideLayouts/slideLayout2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</p:spPr>
        <p:txBody>
          <a:bodyPr/>
          <a:lstStyle>
            <a:lvl1pPr marL="0" indent="0" algn="ctr">
              <a:buNone/>
              <a:defRPr/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48C1BDDD-A9A8-FF40-B935-A38DB7B697CC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0155624"/>
      </p:ext>
    </p:extLst>
  </p:cSld>
  <p:clrMapOvr>
    <a:masterClrMapping/>
  </p:clrMapOvr>
  <p:transition/>
</p:sldLayout>
</file>

<file path=ppt/slideLayouts/slideLayout21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BC342918-37EE-6840-93B4-A137D390AABC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7250355"/>
      </p:ext>
    </p:extLst>
  </p:cSld>
  <p:clrMapOvr>
    <a:masterClrMapping/>
  </p:clrMapOvr>
  <p:transition/>
</p:sldLayout>
</file>

<file path=ppt/slideLayouts/slideLayout21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</p:spPr>
        <p:txBody>
          <a:bodyPr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</p:spPr>
        <p:txBody>
          <a:bodyPr anchor="b"/>
          <a:lstStyle>
            <a:lvl1pPr marL="0" indent="0">
              <a:buNone/>
              <a:defRPr sz="1000"/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E41AF5EC-C905-4F47-A36D-99CAA985D0E2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3003608"/>
      </p:ext>
    </p:extLst>
  </p:cSld>
  <p:clrMapOvr>
    <a:masterClrMapping/>
  </p:clrMapOvr>
  <p:transition/>
</p:sldLayout>
</file>

<file path=ppt/slideLayouts/slideLayout21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927600" y="1625600"/>
            <a:ext cx="1701800" cy="335280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705600" y="1625600"/>
            <a:ext cx="1701800" cy="335280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56BFE57D-E135-A74B-A76C-5688187E1A93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32315355"/>
      </p:ext>
    </p:extLst>
  </p:cSld>
  <p:clrMapOvr>
    <a:masterClrMapping/>
  </p:clrMapOvr>
  <p:transition/>
</p:sldLayout>
</file>

<file path=ppt/slideLayouts/slideLayout21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51E5DC08-B322-8F4B-AF12-D0B0C5B36A4A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3767981"/>
      </p:ext>
    </p:extLst>
  </p:cSld>
  <p:clrMapOvr>
    <a:masterClrMapping/>
  </p:clrMapOvr>
  <p:transition/>
</p:sldLayout>
</file>

<file path=ppt/slideLayouts/slideLayout21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435FCBCC-61D0-C740-9B14-47782B2B88A2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04746695"/>
      </p:ext>
    </p:extLst>
  </p:cSld>
  <p:clrMapOvr>
    <a:masterClrMapping/>
  </p:clrMapOvr>
  <p:transition/>
</p:sldLayout>
</file>

<file path=ppt/slideLayouts/slideLayout21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C2FC4127-3C72-3B4E-B0D9-634165C3EF7B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65762"/>
      </p:ext>
    </p:extLst>
  </p:cSld>
  <p:clrMapOvr>
    <a:masterClrMapping/>
  </p:clrMapOvr>
  <p:transition/>
</p:sldLayout>
</file>

<file path=ppt/slideLayouts/slideLayout21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</p:spPr>
        <p:txBody>
          <a:bodyPr/>
          <a:lstStyle>
            <a:lvl1pPr>
              <a:defRPr sz="1500"/>
            </a:lvl1pPr>
            <a:lvl2pPr>
              <a:defRPr sz="1300"/>
            </a:lvl2pPr>
            <a:lvl3pPr>
              <a:defRPr sz="1200"/>
            </a:lvl3pPr>
            <a:lvl4pPr>
              <a:defRPr sz="1000"/>
            </a:lvl4pPr>
            <a:lvl5pPr>
              <a:defRPr sz="1000"/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84E433C3-4881-2544-8E41-7E187B1D1FA7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9202854"/>
      </p:ext>
    </p:extLst>
  </p:cSld>
  <p:clrMapOvr>
    <a:masterClrMapping/>
  </p:clrMapOvr>
  <p:transition/>
</p:sldLayout>
</file>

<file path=ppt/slideLayouts/slideLayout21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</p:spPr>
        <p:txBody>
          <a:bodyPr/>
          <a:lstStyle>
            <a:lvl1pPr marL="0" indent="0">
              <a:buNone/>
              <a:defRPr sz="1500"/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>
              <a:sym typeface="Bradley Hand ITC TT-Bold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D30C9C19-A88C-7047-867B-86ED071A29B4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74347"/>
      </p:ext>
    </p:extLst>
  </p:cSld>
  <p:clrMapOvr>
    <a:masterClrMapping/>
  </p:clrMapOvr>
  <p:transition/>
</p:sldLayout>
</file>

<file path=ppt/slideLayouts/slideLayout21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92544FAF-F0A2-2A48-B8E8-C31E0D200A83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97135288"/>
      </p:ext>
    </p:extLst>
  </p:cSld>
  <p:clrMapOvr>
    <a:masterClrMapping/>
  </p:clrMapOvr>
  <p:transition/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28600"/>
            <a:ext cx="2057400" cy="4876800"/>
          </a:xfrm>
          <a:prstGeom prst="rect">
            <a:avLst/>
          </a:prstGeom>
        </p:spPr>
        <p:txBody>
          <a:bodyPr vert="eaVert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28600"/>
            <a:ext cx="6096000" cy="4876800"/>
          </a:xfrm>
          <a:prstGeom prst="rect">
            <a:avLst/>
          </a:prstGeom>
        </p:spPr>
        <p:txBody>
          <a:bodyPr vert="eaVert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Box 1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07B7C9F9-915D-7E48-9A18-DB3592E5CCAC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27623651"/>
      </p:ext>
    </p:extLst>
  </p:cSld>
  <p:clrMapOvr>
    <a:masterClrMapping/>
  </p:clrMapOvr>
  <p:transition/>
</p:sldLayout>
</file>

<file path=ppt/slideLayouts/slideLayout22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499231" y="304800"/>
            <a:ext cx="1920875" cy="46736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36604" y="304800"/>
            <a:ext cx="5686425" cy="467360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CD898F9D-0A45-9347-A64B-ED5A8224FE5C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837724"/>
      </p:ext>
    </p:extLst>
  </p:cSld>
  <p:clrMapOvr>
    <a:masterClrMapping/>
  </p:clrMapOvr>
  <p:transition/>
</p:sldLayout>
</file>

<file path=ppt/slideLayouts/slideLayout2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</p:spPr>
        <p:txBody>
          <a:bodyPr/>
          <a:lstStyle>
            <a:lvl1pPr marL="0" indent="0" algn="ctr">
              <a:buNone/>
              <a:defRPr/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302AA97E-1CAA-1546-BCCC-D83F72DB386E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21401707"/>
      </p:ext>
    </p:extLst>
  </p:cSld>
  <p:clrMapOvr>
    <a:masterClrMapping/>
  </p:clrMapOvr>
  <p:transition/>
</p:sldLayout>
</file>

<file path=ppt/slideLayouts/slideLayout2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D69965C0-001E-6843-BCF3-19BA253244BB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5965471"/>
      </p:ext>
    </p:extLst>
  </p:cSld>
  <p:clrMapOvr>
    <a:masterClrMapping/>
  </p:clrMapOvr>
  <p:transition/>
</p:sldLayout>
</file>

<file path=ppt/slideLayouts/slideLayout22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</p:spPr>
        <p:txBody>
          <a:bodyPr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</p:spPr>
        <p:txBody>
          <a:bodyPr anchor="b"/>
          <a:lstStyle>
            <a:lvl1pPr marL="0" indent="0">
              <a:buNone/>
              <a:defRPr sz="1000"/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10DD7DC3-E0F3-A349-9332-ADFB5403C949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048372"/>
      </p:ext>
    </p:extLst>
  </p:cSld>
  <p:clrMapOvr>
    <a:masterClrMapping/>
  </p:clrMapOvr>
  <p:transition/>
</p:sldLayout>
</file>

<file path=ppt/slideLayouts/slideLayout22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23132" y="1616870"/>
            <a:ext cx="1708150" cy="3358356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2707482" y="1616870"/>
            <a:ext cx="1708944" cy="3358356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08109C58-7306-8343-A64B-56A17719017C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70921734"/>
      </p:ext>
    </p:extLst>
  </p:cSld>
  <p:clrMapOvr>
    <a:masterClrMapping/>
  </p:clrMapOvr>
  <p:transition/>
</p:sldLayout>
</file>

<file path=ppt/slideLayouts/slideLayout22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072B4FA8-4148-1E45-B5E9-E7DE54960393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92544725"/>
      </p:ext>
    </p:extLst>
  </p:cSld>
  <p:clrMapOvr>
    <a:masterClrMapping/>
  </p:clrMapOvr>
  <p:transition/>
</p:sldLayout>
</file>

<file path=ppt/slideLayouts/slideLayout22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369514FB-C3A0-744A-A57D-CC856AADA34F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4239029"/>
      </p:ext>
    </p:extLst>
  </p:cSld>
  <p:clrMapOvr>
    <a:masterClrMapping/>
  </p:clrMapOvr>
  <p:transition/>
</p:sldLayout>
</file>

<file path=ppt/slideLayouts/slideLayout22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F88AFCE6-4654-994E-BCD8-481024B2E2BF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00963148"/>
      </p:ext>
    </p:extLst>
  </p:cSld>
  <p:clrMapOvr>
    <a:masterClrMapping/>
  </p:clrMapOvr>
  <p:transition/>
</p:sldLayout>
</file>

<file path=ppt/slideLayouts/slideLayout22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</p:spPr>
        <p:txBody>
          <a:bodyPr/>
          <a:lstStyle>
            <a:lvl1pPr>
              <a:defRPr sz="1500"/>
            </a:lvl1pPr>
            <a:lvl2pPr>
              <a:defRPr sz="1300"/>
            </a:lvl2pPr>
            <a:lvl3pPr>
              <a:defRPr sz="1200"/>
            </a:lvl3pPr>
            <a:lvl4pPr>
              <a:defRPr sz="1000"/>
            </a:lvl4pPr>
            <a:lvl5pPr>
              <a:defRPr sz="1000"/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FAC54871-5503-2647-A638-58D8330A85AA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1769374"/>
      </p:ext>
    </p:extLst>
  </p:cSld>
  <p:clrMapOvr>
    <a:masterClrMapping/>
  </p:clrMapOvr>
  <p:transition/>
</p:sldLayout>
</file>

<file path=ppt/slideLayouts/slideLayout22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</p:spPr>
        <p:txBody>
          <a:bodyPr/>
          <a:lstStyle>
            <a:lvl1pPr marL="0" indent="0">
              <a:buNone/>
              <a:defRPr sz="1500"/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>
              <a:sym typeface="Gill Sans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759B1A25-8C66-934F-8415-0E7982619EB5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1466058"/>
      </p:ext>
    </p:extLst>
  </p:cSld>
  <p:clrMapOvr>
    <a:masterClrMapping/>
  </p:clrMapOvr>
  <p:transition/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</p:spPr>
        <p:txBody>
          <a:bodyPr/>
          <a:lstStyle>
            <a:lvl1pPr marL="0" indent="0" algn="ctr">
              <a:buNone/>
              <a:defRPr/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E5C76AD6-B4CF-1640-BAC2-1A72BB362533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30811377"/>
      </p:ext>
    </p:extLst>
  </p:cSld>
  <p:clrMapOvr>
    <a:masterClrMapping/>
  </p:clrMapOvr>
  <p:transition/>
</p:sldLayout>
</file>

<file path=ppt/slideLayouts/slideLayout23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2A1D3023-5061-C049-92D4-26D334F0170A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91024434"/>
      </p:ext>
    </p:extLst>
  </p:cSld>
  <p:clrMapOvr>
    <a:masterClrMapping/>
  </p:clrMapOvr>
  <p:transition/>
</p:sldLayout>
</file>

<file path=ppt/slideLayouts/slideLayout23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499231" y="304801"/>
            <a:ext cx="1920875" cy="4670426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36604" y="304801"/>
            <a:ext cx="5686425" cy="4670426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27F1FC6D-5C7D-9A4D-A25A-AF4BC33FC2CF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23672517"/>
      </p:ext>
    </p:extLst>
  </p:cSld>
  <p:clrMapOvr>
    <a:masterClrMapping/>
  </p:clrMapOvr>
  <p:transition/>
</p:sldLayout>
</file>

<file path=ppt/slideLayouts/slideLayout23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 algn="ctr">
              <a:buNone/>
              <a:defRPr b="0" i="0">
                <a:latin typeface="Helvetica Neue Regular" panose="02000503000000020004" pitchFamily="2" charset="0"/>
              </a:defRPr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4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CD35B31B-B9F4-CD4C-B217-74FC819EBEA6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86532539"/>
      </p:ext>
    </p:extLst>
  </p:cSld>
  <p:clrMapOvr>
    <a:masterClrMapping/>
  </p:clrMapOvr>
  <p:transition/>
</p:sldLayout>
</file>

<file path=ppt/slideLayouts/slideLayout23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333500"/>
            <a:ext cx="82296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80B0A3EA-7167-0545-967A-137EB633A8AC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8690270"/>
      </p:ext>
    </p:extLst>
  </p:cSld>
  <p:clrMapOvr>
    <a:masterClrMapping/>
  </p:clrMapOvr>
  <p:transition/>
</p:sldLayout>
</file>

<file path=ppt/slideLayouts/slideLayout23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</p:spPr>
        <p:txBody>
          <a:bodyPr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0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90C28C27-C50B-DA48-B870-1C08AFF55A24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7166570"/>
      </p:ext>
    </p:extLst>
  </p:cSld>
  <p:clrMapOvr>
    <a:masterClrMapping/>
  </p:clrMapOvr>
  <p:transition/>
</p:sldLayout>
</file>

<file path=ppt/slideLayouts/slideLayout23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333500"/>
            <a:ext cx="40767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300" b="0" i="0">
                <a:latin typeface="Helvetica Neue Regular" panose="02000503000000020004" pitchFamily="2" charset="0"/>
              </a:defRPr>
            </a:lvl1pPr>
            <a:lvl2pPr>
              <a:defRPr sz="1200" b="0" i="0">
                <a:latin typeface="Helvetica Neue Regular" panose="02000503000000020004" pitchFamily="2" charset="0"/>
              </a:defRPr>
            </a:lvl2pPr>
            <a:lvl3pPr>
              <a:defRPr sz="1000" b="0" i="0">
                <a:latin typeface="Helvetica Neue Regular" panose="02000503000000020004" pitchFamily="2" charset="0"/>
              </a:defRPr>
            </a:lvl3pPr>
            <a:lvl4pPr>
              <a:defRPr sz="900" b="0" i="0">
                <a:latin typeface="Helvetica Neue Regular" panose="02000503000000020004" pitchFamily="2" charset="0"/>
              </a:defRPr>
            </a:lvl4pPr>
            <a:lvl5pPr>
              <a:defRPr sz="900" b="0" i="0">
                <a:latin typeface="Helvetica Neue Regular" panose="02000503000000020004" pitchFamily="2" charset="0"/>
              </a:defRPr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10100" y="1333500"/>
            <a:ext cx="40767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300" b="0" i="0">
                <a:latin typeface="Helvetica Neue Regular" panose="02000503000000020004" pitchFamily="2" charset="0"/>
              </a:defRPr>
            </a:lvl1pPr>
            <a:lvl2pPr>
              <a:defRPr sz="1200" b="0" i="0">
                <a:latin typeface="Helvetica Neue Regular" panose="02000503000000020004" pitchFamily="2" charset="0"/>
              </a:defRPr>
            </a:lvl2pPr>
            <a:lvl3pPr>
              <a:defRPr sz="1000" b="0" i="0">
                <a:latin typeface="Helvetica Neue Regular" panose="02000503000000020004" pitchFamily="2" charset="0"/>
              </a:defRPr>
            </a:lvl3pPr>
            <a:lvl4pPr>
              <a:defRPr sz="900" b="0" i="0">
                <a:latin typeface="Helvetica Neue Regular" panose="02000503000000020004" pitchFamily="2" charset="0"/>
              </a:defRPr>
            </a:lvl4pPr>
            <a:lvl5pPr>
              <a:defRPr sz="900" b="0" i="0">
                <a:latin typeface="Helvetica Neue Regular" panose="02000503000000020004" pitchFamily="2" charset="0"/>
              </a:defRPr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5873FDC3-00A7-3F42-9292-81EA03A0C8B3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2906818"/>
      </p:ext>
    </p:extLst>
  </p:cSld>
  <p:clrMapOvr>
    <a:masterClrMapping/>
  </p:clrMapOvr>
  <p:transition/>
</p:sldLayout>
</file>

<file path=ppt/slideLayouts/slideLayout23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2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200" b="0" i="0">
                <a:latin typeface="Helvetica Neue Regular" panose="02000503000000020004" pitchFamily="2" charset="0"/>
              </a:defRPr>
            </a:lvl1pPr>
            <a:lvl2pPr>
              <a:defRPr sz="1000" b="0" i="0">
                <a:latin typeface="Helvetica Neue Regular" panose="02000503000000020004" pitchFamily="2" charset="0"/>
              </a:defRPr>
            </a:lvl2pPr>
            <a:lvl3pPr>
              <a:defRPr sz="900" b="0" i="0">
                <a:latin typeface="Helvetica Neue Regular" panose="02000503000000020004" pitchFamily="2" charset="0"/>
              </a:defRPr>
            </a:lvl3pPr>
            <a:lvl4pPr>
              <a:defRPr sz="800" b="0" i="0">
                <a:latin typeface="Helvetica Neue Regular" panose="02000503000000020004" pitchFamily="2" charset="0"/>
              </a:defRPr>
            </a:lvl4pPr>
            <a:lvl5pPr>
              <a:defRPr sz="800" b="0" i="0">
                <a:latin typeface="Helvetica Neue Regular" panose="02000503000000020004" pitchFamily="2" charset="0"/>
              </a:defRPr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2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200" b="0" i="0">
                <a:latin typeface="Helvetica Neue Regular" panose="02000503000000020004" pitchFamily="2" charset="0"/>
              </a:defRPr>
            </a:lvl1pPr>
            <a:lvl2pPr>
              <a:defRPr sz="1000" b="0" i="0">
                <a:latin typeface="Helvetica Neue Regular" panose="02000503000000020004" pitchFamily="2" charset="0"/>
              </a:defRPr>
            </a:lvl2pPr>
            <a:lvl3pPr>
              <a:defRPr sz="900" b="0" i="0">
                <a:latin typeface="Helvetica Neue Regular" panose="02000503000000020004" pitchFamily="2" charset="0"/>
              </a:defRPr>
            </a:lvl3pPr>
            <a:lvl4pPr>
              <a:defRPr sz="800" b="0" i="0">
                <a:latin typeface="Helvetica Neue Regular" panose="02000503000000020004" pitchFamily="2" charset="0"/>
              </a:defRPr>
            </a:lvl4pPr>
            <a:lvl5pPr>
              <a:defRPr sz="800" b="0" i="0">
                <a:latin typeface="Helvetica Neue Regular" panose="02000503000000020004" pitchFamily="2" charset="0"/>
              </a:defRPr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8EF813A6-9B24-4344-98F3-78640D92F435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8483051"/>
      </p:ext>
    </p:extLst>
  </p:cSld>
  <p:clrMapOvr>
    <a:masterClrMapping/>
  </p:clrMapOvr>
  <p:transition/>
</p:sldLayout>
</file>

<file path=ppt/slideLayouts/slideLayout23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E6B26E29-550E-E24D-91F9-137DB254A028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3189255"/>
      </p:ext>
    </p:extLst>
  </p:cSld>
  <p:clrMapOvr>
    <a:masterClrMapping/>
  </p:clrMapOvr>
  <p:transition/>
</p:sldLayout>
</file>

<file path=ppt/slideLayouts/slideLayout23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0CF980F8-30F1-6947-9E2E-173BA13BD6A6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11595894"/>
      </p:ext>
    </p:extLst>
  </p:cSld>
  <p:clrMapOvr>
    <a:masterClrMapping/>
  </p:clrMapOvr>
  <p:transition/>
</p:sldLayout>
</file>

<file path=ppt/slideLayouts/slideLayout23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500" b="0" i="0">
                <a:latin typeface="Helvetica Neue Regular" panose="02000503000000020004" pitchFamily="2" charset="0"/>
              </a:defRPr>
            </a:lvl1pPr>
            <a:lvl2pPr>
              <a:defRPr sz="1300" b="0" i="0">
                <a:latin typeface="Helvetica Neue Regular" panose="02000503000000020004" pitchFamily="2" charset="0"/>
              </a:defRPr>
            </a:lvl2pPr>
            <a:lvl3pPr>
              <a:defRPr sz="1200" b="0" i="0">
                <a:latin typeface="Helvetica Neue Regular" panose="02000503000000020004" pitchFamily="2" charset="0"/>
              </a:defRPr>
            </a:lvl3pPr>
            <a:lvl4pPr>
              <a:defRPr sz="1000" b="0" i="0">
                <a:latin typeface="Helvetica Neue Regular" panose="02000503000000020004" pitchFamily="2" charset="0"/>
              </a:defRPr>
            </a:lvl4pPr>
            <a:lvl5pPr>
              <a:defRPr sz="1000" b="0" i="0">
                <a:latin typeface="Helvetica Neue Regular" panose="02000503000000020004" pitchFamily="2" charset="0"/>
              </a:defRPr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7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503B531A-8D31-364B-87B3-8BAD6E070EF3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1175837"/>
      </p:ext>
    </p:extLst>
  </p:cSld>
  <p:clrMapOvr>
    <a:masterClrMapping/>
  </p:clrMapOvr>
  <p:transition/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30F91EB5-8C15-8B4D-BD76-F63E95A1B87A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56754202"/>
      </p:ext>
    </p:extLst>
  </p:cSld>
  <p:clrMapOvr>
    <a:masterClrMapping/>
  </p:clrMapOvr>
  <p:transition/>
</p:sldLayout>
</file>

<file path=ppt/slideLayouts/slideLayout24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15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 dirty="0">
              <a:sym typeface="Bradley Hand ITC TT-Bold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7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0E6EACA7-C344-534D-843C-6AB657B8D186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5552079"/>
      </p:ext>
    </p:extLst>
  </p:cSld>
  <p:clrMapOvr>
    <a:masterClrMapping/>
  </p:clrMapOvr>
  <p:transition/>
</p:sldLayout>
</file>

<file path=ppt/slideLayouts/slideLayout24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333500"/>
            <a:ext cx="8229600" cy="3771900"/>
          </a:xfrm>
          <a:prstGeom prst="rect">
            <a:avLst/>
          </a:prstGeom>
        </p:spPr>
        <p:txBody>
          <a:bodyPr vert="eaVert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60CF7370-AF34-BE41-9BCA-6161548759F0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015791"/>
      </p:ext>
    </p:extLst>
  </p:cSld>
  <p:clrMapOvr>
    <a:masterClrMapping/>
  </p:clrMapOvr>
  <p:transition/>
</p:sldLayout>
</file>

<file path=ppt/slideLayouts/slideLayout24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1333500"/>
            <a:ext cx="2057400" cy="37719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333500"/>
            <a:ext cx="6096000" cy="3771900"/>
          </a:xfrm>
          <a:prstGeom prst="rect">
            <a:avLst/>
          </a:prstGeom>
        </p:spPr>
        <p:txBody>
          <a:bodyPr vert="eaVert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CFA3CA03-222E-E340-B2A9-32E1B7D3E938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5449049"/>
      </p:ext>
    </p:extLst>
  </p:cSld>
  <p:clrMapOvr>
    <a:masterClrMapping/>
  </p:clrMapOvr>
  <p:transition/>
</p:sldLayout>
</file>

<file path=ppt/slideLayouts/slideLayout24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</p:spPr>
        <p:txBody>
          <a:bodyPr/>
          <a:lstStyle>
            <a:lvl1pPr marL="0" indent="0" algn="ctr">
              <a:buNone/>
              <a:defRPr/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Text Box 6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CC11ECB9-DC34-F249-AA1F-38598AA102E3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24017213"/>
      </p:ext>
    </p:extLst>
  </p:cSld>
  <p:clrMapOvr>
    <a:masterClrMapping/>
  </p:clrMapOvr>
  <p:transition/>
</p:sldLayout>
</file>

<file path=ppt/slideLayouts/slideLayout24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Box 6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6979A67F-3529-A54C-91A5-54A9931B3AB8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10032152"/>
      </p:ext>
    </p:extLst>
  </p:cSld>
  <p:clrMapOvr>
    <a:masterClrMapping/>
  </p:clrMapOvr>
  <p:transition/>
</p:sldLayout>
</file>

<file path=ppt/slideLayouts/slideLayout24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</p:spPr>
        <p:txBody>
          <a:bodyPr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</p:spPr>
        <p:txBody>
          <a:bodyPr anchor="b"/>
          <a:lstStyle>
            <a:lvl1pPr marL="0" indent="0">
              <a:buNone/>
              <a:defRPr sz="1000"/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ext Box 6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4257F229-A55C-8241-B138-A5E1A98E0946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49585310"/>
      </p:ext>
    </p:extLst>
  </p:cSld>
  <p:clrMapOvr>
    <a:masterClrMapping/>
  </p:clrMapOvr>
  <p:transition/>
</p:sldLayout>
</file>

<file path=ppt/slideLayouts/slideLayout24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36600" y="1625600"/>
            <a:ext cx="1701800" cy="335280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2514600" y="1625600"/>
            <a:ext cx="1701800" cy="335280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Box 6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1DFD18C4-7D2A-5542-80F5-C1B9F753B07B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5620049"/>
      </p:ext>
    </p:extLst>
  </p:cSld>
  <p:clrMapOvr>
    <a:masterClrMapping/>
  </p:clrMapOvr>
  <p:transition/>
</p:sldLayout>
</file>

<file path=ppt/slideLayouts/slideLayout24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ext Box 6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5E243D96-5845-0440-A57B-315284F7A914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02409753"/>
      </p:ext>
    </p:extLst>
  </p:cSld>
  <p:clrMapOvr>
    <a:masterClrMapping/>
  </p:clrMapOvr>
  <p:transition/>
</p:sldLayout>
</file>

<file path=ppt/slideLayouts/slideLayout24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Box 6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467EE942-3A62-964B-8ED0-06EC1E04257D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8953720"/>
      </p:ext>
    </p:extLst>
  </p:cSld>
  <p:clrMapOvr>
    <a:masterClrMapping/>
  </p:clrMapOvr>
  <p:transition/>
</p:sldLayout>
</file>

<file path=ppt/slideLayouts/slideLayout24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6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72D02FD2-DEC5-7E43-A1CA-541421D75B62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4575933"/>
      </p:ext>
    </p:extLst>
  </p:cSld>
  <p:clrMapOvr>
    <a:masterClrMapping/>
  </p:clrMapOvr>
  <p:transition/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</p:spPr>
        <p:txBody>
          <a:bodyPr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</p:spPr>
        <p:txBody>
          <a:bodyPr anchor="b"/>
          <a:lstStyle>
            <a:lvl1pPr marL="0" indent="0">
              <a:buNone/>
              <a:defRPr sz="1000"/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97E8EAB9-7C98-A949-9E83-34D76C0A6E37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91256925"/>
      </p:ext>
    </p:extLst>
  </p:cSld>
  <p:clrMapOvr>
    <a:masterClrMapping/>
  </p:clrMapOvr>
  <p:transition/>
</p:sldLayout>
</file>

<file path=ppt/slideLayouts/slideLayout25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</p:spPr>
        <p:txBody>
          <a:bodyPr/>
          <a:lstStyle>
            <a:lvl1pPr>
              <a:defRPr sz="1500"/>
            </a:lvl1pPr>
            <a:lvl2pPr>
              <a:defRPr sz="1300"/>
            </a:lvl2pPr>
            <a:lvl3pPr>
              <a:defRPr sz="1200"/>
            </a:lvl3pPr>
            <a:lvl4pPr>
              <a:defRPr sz="1000"/>
            </a:lvl4pPr>
            <a:lvl5pPr>
              <a:defRPr sz="1000"/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 Box 6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56ED852E-BE9B-8345-AE00-3216DE3D94A5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8116218"/>
      </p:ext>
    </p:extLst>
  </p:cSld>
  <p:clrMapOvr>
    <a:masterClrMapping/>
  </p:clrMapOvr>
  <p:transition/>
</p:sldLayout>
</file>

<file path=ppt/slideLayouts/slideLayout25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</p:spPr>
        <p:txBody>
          <a:bodyPr/>
          <a:lstStyle>
            <a:lvl1pPr marL="0" indent="0">
              <a:buNone/>
              <a:defRPr sz="1500"/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>
              <a:sym typeface="Gill Sans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 Box 6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51BE53AD-BF46-F147-886A-AF0F75942972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0042920"/>
      </p:ext>
    </p:extLst>
  </p:cSld>
  <p:clrMapOvr>
    <a:masterClrMapping/>
  </p:clrMapOvr>
  <p:transition/>
</p:sldLayout>
</file>

<file path=ppt/slideLayouts/slideLayout25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Box 6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C114D113-D5CA-6C4D-B5DD-1E7BC5DF8300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0229002"/>
      </p:ext>
    </p:extLst>
  </p:cSld>
  <p:clrMapOvr>
    <a:masterClrMapping/>
  </p:clrMapOvr>
  <p:transition/>
</p:sldLayout>
</file>

<file path=ppt/slideLayouts/slideLayout25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499231" y="304800"/>
            <a:ext cx="1920875" cy="46736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36604" y="304800"/>
            <a:ext cx="5686425" cy="467360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Box 6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3D035DDA-2EFA-984C-BCA4-DAA69FEAD09E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0706807"/>
      </p:ext>
    </p:extLst>
  </p:cSld>
  <p:clrMapOvr>
    <a:masterClrMapping/>
  </p:clrMapOvr>
  <p:transition/>
</p:sldLayout>
</file>

<file path=ppt/slideLayouts/slideLayout25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ctrTitle"/>
          </p:nvPr>
        </p:nvSpPr>
        <p:spPr>
          <a:xfrm>
            <a:off x="533400" y="1143000"/>
            <a:ext cx="7851648" cy="1524000"/>
          </a:xfrm>
          <a:ln>
            <a:noFill/>
          </a:ln>
        </p:spPr>
        <p:txBody>
          <a:bodyPr tIns="0" rIns="18288">
            <a:normAutofit/>
            <a:scene3d>
              <a:camera prst="orthographicFront"/>
              <a:lightRig rig="freezing" dir="t">
                <a:rot lat="0" lon="0" rev="5640000"/>
              </a:lightRig>
            </a:scene3d>
            <a:sp3d prstMaterial="flat">
              <a:bevelT w="38100" h="38100"/>
              <a:contourClr>
                <a:schemeClr val="tx2"/>
              </a:contourClr>
            </a:sp3d>
          </a:bodyPr>
          <a:lstStyle>
            <a:lvl1pPr algn="r" rtl="0">
              <a:spcBef>
                <a:spcPct val="0"/>
              </a:spcBef>
              <a:buNone/>
              <a:defRPr sz="5600" b="1">
                <a:ln>
                  <a:noFill/>
                </a:ln>
                <a:solidFill>
                  <a:schemeClr val="accent3">
                    <a:tint val="90000"/>
                    <a:satMod val="120000"/>
                  </a:schemeClr>
                </a:solidFill>
                <a:effectLst>
                  <a:outerShdw blurRad="38100" dist="25400" dir="5400000" algn="tl" rotWithShape="0">
                    <a:srgbClr val="000000">
                      <a:alpha val="43000"/>
                    </a:srgbClr>
                  </a:outerShdw>
                </a:effectLst>
                <a:latin typeface="Helvetica Neue"/>
                <a:ea typeface="+mj-ea"/>
                <a:cs typeface="+mj-cs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7" name="Subtitle 16"/>
          <p:cNvSpPr>
            <a:spLocks noGrp="1"/>
          </p:cNvSpPr>
          <p:nvPr>
            <p:ph type="subTitle" idx="1"/>
          </p:nvPr>
        </p:nvSpPr>
        <p:spPr>
          <a:xfrm>
            <a:off x="533400" y="2690447"/>
            <a:ext cx="7854696" cy="1460500"/>
          </a:xfrm>
        </p:spPr>
        <p:txBody>
          <a:bodyPr lIns="0" rIns="18288"/>
          <a:lstStyle>
            <a:lvl1pPr marL="0" marR="45720" indent="0" algn="r">
              <a:buNone/>
              <a:defRPr>
                <a:solidFill>
                  <a:schemeClr val="tx1"/>
                </a:solidFill>
              </a:defRPr>
            </a:lvl1pPr>
            <a:lvl2pPr marL="457200" indent="0" algn="ctr">
              <a:buNone/>
            </a:lvl2pPr>
            <a:lvl3pPr marL="914400" indent="0" algn="ctr">
              <a:buNone/>
            </a:lvl3pPr>
            <a:lvl4pPr marL="1371600" indent="0" algn="ctr">
              <a:buNone/>
            </a:lvl4pPr>
            <a:lvl5pPr marL="1828800" indent="0" algn="ctr">
              <a:buNone/>
            </a:lvl5pPr>
            <a:lvl6pPr marL="2286000" indent="0" algn="ctr">
              <a:buNone/>
            </a:lvl6pPr>
            <a:lvl7pPr marL="2743200" indent="0" algn="ctr">
              <a:buNone/>
            </a:lvl7pPr>
            <a:lvl8pPr marL="3200400" indent="0" algn="ctr">
              <a:buNone/>
            </a:lvl8pPr>
            <a:lvl9pPr marL="3657600" indent="0" algn="ctr">
              <a:buNone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9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8/17</a:t>
            </a:r>
          </a:p>
        </p:txBody>
      </p:sp>
      <p:sp>
        <p:nvSpPr>
          <p:cNvPr id="5" name="Footer Placeholder 2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1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72B3F03E-2201-F945-8C00-87D7E6DD5E43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9015516"/>
      </p:ext>
    </p:extLst>
  </p:cSld>
  <p:clrMapOvr>
    <a:masterClrMapping/>
  </p:clrMapOvr>
</p:sldLayout>
</file>

<file path=ppt/slideLayouts/slideLayout25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9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8/17</a:t>
            </a:r>
          </a:p>
        </p:txBody>
      </p:sp>
      <p:sp>
        <p:nvSpPr>
          <p:cNvPr id="5" name="Footer Placeholder 2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1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4F97EF2-5460-E64F-AD2D-A818E614B73A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0872798"/>
      </p:ext>
    </p:extLst>
  </p:cSld>
  <p:clrMapOvr>
    <a:masterClrMapping/>
  </p:clrMapOvr>
</p:sldLayout>
</file>

<file path=ppt/slideLayouts/slideLayout25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0352" y="1097280"/>
            <a:ext cx="7772400" cy="1135380"/>
          </a:xfrm>
          <a:ln>
            <a:noFill/>
          </a:ln>
        </p:spPr>
        <p:txBody>
          <a:bodyPr tIns="0">
            <a:noAutofit/>
            <a:scene3d>
              <a:camera prst="orthographicFront"/>
              <a:lightRig rig="freezing" dir="t">
                <a:rot lat="0" lon="0" rev="5640000"/>
              </a:lightRig>
            </a:scene3d>
            <a:sp3d prstMaterial="flat">
              <a:bevelT w="38100" h="38100"/>
            </a:sp3d>
          </a:bodyPr>
          <a:lstStyle>
            <a:lvl1pPr algn="l" rtl="0">
              <a:spcBef>
                <a:spcPct val="0"/>
              </a:spcBef>
              <a:buNone/>
              <a:defRPr lang="en-US" sz="5600" b="1" cap="none" baseline="0" dirty="0">
                <a:ln w="635">
                  <a:noFill/>
                </a:ln>
                <a:solidFill>
                  <a:schemeClr val="accent4">
                    <a:tint val="90000"/>
                    <a:satMod val="125000"/>
                  </a:schemeClr>
                </a:solidFill>
                <a:effectLst>
                  <a:outerShdw blurRad="38100" dist="25400" dir="5400000" algn="tl" rotWithShape="0">
                    <a:srgbClr val="000000">
                      <a:alpha val="43000"/>
                    </a:srgbClr>
                  </a:outerShdw>
                </a:effectLst>
                <a:latin typeface="Helvetica Neue"/>
                <a:ea typeface="+mj-ea"/>
                <a:cs typeface="+mj-cs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0352" y="2253888"/>
            <a:ext cx="7772400" cy="1258093"/>
          </a:xfrm>
        </p:spPr>
        <p:txBody>
          <a:bodyPr lIns="45720" rIns="45720"/>
          <a:lstStyle>
            <a:lvl1pPr marL="0" indent="0">
              <a:buNone/>
              <a:defRPr sz="2200">
                <a:solidFill>
                  <a:schemeClr val="tx1"/>
                </a:solidFill>
              </a:defRPr>
            </a:lvl1pPr>
            <a:lvl2pPr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9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8/17</a:t>
            </a:r>
          </a:p>
        </p:txBody>
      </p:sp>
      <p:sp>
        <p:nvSpPr>
          <p:cNvPr id="5" name="Footer Placeholder 2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1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480AEAD1-AA15-5843-A26F-11B62C4BDF49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3152711"/>
      </p:ext>
    </p:extLst>
  </p:cSld>
  <p:clrMapOvr>
    <a:masterClrMapping/>
  </p:clrMapOvr>
</p:sldLayout>
</file>

<file path=ppt/slideLayouts/slideLayout25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586740"/>
            <a:ext cx="8229600" cy="952500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071"/>
            <a:ext cx="4038600" cy="3695700"/>
          </a:xfrm>
        </p:spPr>
        <p:txBody>
          <a:bodyPr/>
          <a:lstStyle>
            <a:lvl1pPr>
              <a:defRPr sz="26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071"/>
            <a:ext cx="4038600" cy="3695700"/>
          </a:xfrm>
        </p:spPr>
        <p:txBody>
          <a:bodyPr/>
          <a:lstStyle>
            <a:lvl1pPr>
              <a:defRPr sz="26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9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8/17</a:t>
            </a:r>
          </a:p>
        </p:txBody>
      </p:sp>
      <p:sp>
        <p:nvSpPr>
          <p:cNvPr id="6" name="Footer Placeholder 2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1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5868C046-50C4-594A-95F8-4F4854157B77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8482212"/>
      </p:ext>
    </p:extLst>
  </p:cSld>
  <p:clrMapOvr>
    <a:masterClrMapping/>
  </p:clrMapOvr>
</p:sldLayout>
</file>

<file path=ppt/slideLayouts/slideLayout25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586740"/>
            <a:ext cx="8229600" cy="9525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46040"/>
            <a:ext cx="4040188" cy="549460"/>
          </a:xfrm>
        </p:spPr>
        <p:txBody>
          <a:bodyPr lIns="45720" tIns="0" rIns="45720" bIns="0" anchor="ctr">
            <a:noAutofit/>
          </a:bodyPr>
          <a:lstStyle>
            <a:lvl1pPr marL="0" indent="0">
              <a:buNone/>
              <a:defRPr sz="2400" b="1" cap="none" baseline="0">
                <a:solidFill>
                  <a:schemeClr val="tx2"/>
                </a:solidFill>
                <a:effectLst/>
              </a:defRPr>
            </a:lvl1pPr>
            <a:lvl2pPr>
              <a:buNone/>
              <a:defRPr sz="2000" b="1"/>
            </a:lvl2pPr>
            <a:lvl3pPr>
              <a:buNone/>
              <a:defRPr sz="1800" b="1"/>
            </a:lvl3pPr>
            <a:lvl4pPr>
              <a:buNone/>
              <a:defRPr sz="1600" b="1"/>
            </a:lvl4pPr>
            <a:lvl5pPr>
              <a:buNone/>
              <a:defRPr sz="1600" b="1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3"/>
          </p:nvPr>
        </p:nvSpPr>
        <p:spPr>
          <a:xfrm>
            <a:off x="4645028" y="1549799"/>
            <a:ext cx="4041775" cy="545703"/>
          </a:xfrm>
        </p:spPr>
        <p:txBody>
          <a:bodyPr lIns="45720" tIns="0" rIns="45720" bIns="0" anchor="ctr"/>
          <a:lstStyle>
            <a:lvl1pPr marL="0" indent="0">
              <a:buNone/>
              <a:defRPr sz="2400" b="1" cap="none" baseline="0">
                <a:solidFill>
                  <a:schemeClr val="tx2"/>
                </a:solidFill>
                <a:effectLst/>
              </a:defRPr>
            </a:lvl1pPr>
            <a:lvl2pPr>
              <a:buNone/>
              <a:defRPr sz="2000" b="1"/>
            </a:lvl2pPr>
            <a:lvl3pPr>
              <a:buNone/>
              <a:defRPr sz="1800" b="1"/>
            </a:lvl3pPr>
            <a:lvl4pPr>
              <a:buNone/>
              <a:defRPr sz="1600" b="1"/>
            </a:lvl4pPr>
            <a:lvl5pPr>
              <a:buNone/>
              <a:defRPr sz="1600" b="1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sz="quarter" idx="2"/>
          </p:nvPr>
        </p:nvSpPr>
        <p:spPr>
          <a:xfrm>
            <a:off x="457200" y="2095501"/>
            <a:ext cx="4040188" cy="3204767"/>
          </a:xfrm>
        </p:spPr>
        <p:txBody>
          <a:bodyPr tIns="0"/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8" y="2095501"/>
            <a:ext cx="4041775" cy="3204767"/>
          </a:xfrm>
        </p:spPr>
        <p:txBody>
          <a:bodyPr tIns="0"/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9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8/17</a:t>
            </a:r>
          </a:p>
        </p:txBody>
      </p:sp>
      <p:sp>
        <p:nvSpPr>
          <p:cNvPr id="8" name="Footer Placeholder 2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9" name="Slide Number Placeholder 1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5D972141-467A-E14B-BDE5-CDD8D0D97976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3243331"/>
      </p:ext>
    </p:extLst>
  </p:cSld>
  <p:clrMapOvr>
    <a:masterClrMapping/>
  </p:clrMapOvr>
</p:sldLayout>
</file>

<file path=ppt/slideLayouts/slideLayout25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586740"/>
            <a:ext cx="8305800" cy="952500"/>
          </a:xfrm>
        </p:spPr>
        <p:txBody>
          <a:bodyPr>
            <a:normAutofit/>
            <a:scene3d>
              <a:camera prst="orthographicFront"/>
              <a:lightRig rig="freezing" dir="t">
                <a:rot lat="0" lon="0" rev="5640000"/>
              </a:lightRig>
            </a:scene3d>
            <a:sp3d prstMaterial="flat">
              <a:contourClr>
                <a:schemeClr val="tx2"/>
              </a:contourClr>
            </a:sp3d>
          </a:bodyPr>
          <a:lstStyle>
            <a:lvl1pPr algn="l" rtl="0">
              <a:spcBef>
                <a:spcPct val="0"/>
              </a:spcBef>
              <a:buNone/>
              <a:defRPr sz="5000" b="0">
                <a:ln>
                  <a:noFill/>
                </a:ln>
                <a:solidFill>
                  <a:schemeClr val="tx2"/>
                </a:solidFill>
                <a:effectLst/>
                <a:latin typeface="Helvetica Neue"/>
                <a:ea typeface="+mj-ea"/>
                <a:cs typeface="+mj-cs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Date Placeholder 9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8/17</a:t>
            </a:r>
          </a:p>
        </p:txBody>
      </p:sp>
      <p:sp>
        <p:nvSpPr>
          <p:cNvPr id="4" name="Footer Placeholder 2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Slide Number Placeholder 1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803233A0-271A-5A47-9712-E658B283577F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4296558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36600" y="1625600"/>
            <a:ext cx="1701800" cy="335280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2514600" y="1625600"/>
            <a:ext cx="1701800" cy="335280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D1C0276D-1D39-4D45-A618-5A85BC4E957C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2346669"/>
      </p:ext>
    </p:extLst>
  </p:cSld>
  <p:clrMapOvr>
    <a:masterClrMapping/>
  </p:clrMapOvr>
  <p:transition/>
</p:sldLayout>
</file>

<file path=ppt/slideLayouts/slideLayout26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9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8/17</a:t>
            </a:r>
          </a:p>
        </p:txBody>
      </p:sp>
      <p:sp>
        <p:nvSpPr>
          <p:cNvPr id="3" name="Footer Placeholder 2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4" name="Slide Number Placeholder 1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AD989E6E-862E-BF42-8236-D55F2E49597B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6723140"/>
      </p:ext>
    </p:extLst>
  </p:cSld>
  <p:clrMapOvr>
    <a:masterClrMapping/>
  </p:clrMapOvr>
</p:sldLayout>
</file>

<file path=ppt/slideLayouts/slideLayout26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0" y="428628"/>
            <a:ext cx="2743200" cy="968375"/>
          </a:xfrm>
        </p:spPr>
        <p:txBody>
          <a:bodyPr>
            <a:noAutofit/>
          </a:bodyPr>
          <a:lstStyle>
            <a:lvl1pPr algn="l" rtl="0">
              <a:spcBef>
                <a:spcPct val="0"/>
              </a:spcBef>
              <a:buNone/>
              <a:defRPr sz="2600" b="0">
                <a:ln>
                  <a:noFill/>
                </a:ln>
                <a:solidFill>
                  <a:schemeClr val="tx2"/>
                </a:solidFill>
                <a:effectLst/>
                <a:latin typeface="Helvetica Neue"/>
                <a:ea typeface="+mj-ea"/>
                <a:cs typeface="+mj-cs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2"/>
          </p:nvPr>
        </p:nvSpPr>
        <p:spPr>
          <a:xfrm>
            <a:off x="685800" y="1397000"/>
            <a:ext cx="2743200" cy="3810000"/>
          </a:xfrm>
        </p:spPr>
        <p:txBody>
          <a:bodyPr lIns="18288" rIns="18288"/>
          <a:lstStyle>
            <a:lvl1pPr marL="0" indent="0" algn="l">
              <a:buNone/>
              <a:defRPr sz="1400"/>
            </a:lvl1pPr>
            <a:lvl2pPr indent="0" algn="l">
              <a:buNone/>
              <a:defRPr sz="1200"/>
            </a:lvl2pPr>
            <a:lvl3pPr indent="0" algn="l">
              <a:buNone/>
              <a:defRPr sz="1000"/>
            </a:lvl3pPr>
            <a:lvl4pPr indent="0" algn="l">
              <a:buNone/>
              <a:defRPr sz="900"/>
            </a:lvl4pPr>
            <a:lvl5pPr indent="0" algn="l">
              <a:buNone/>
              <a:defRPr sz="9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1"/>
          </p:nvPr>
        </p:nvSpPr>
        <p:spPr>
          <a:xfrm>
            <a:off x="3575050" y="1397000"/>
            <a:ext cx="5111750" cy="3810000"/>
          </a:xfrm>
        </p:spPr>
        <p:txBody>
          <a:bodyPr tIns="0"/>
          <a:lstStyle>
            <a:lvl1pPr>
              <a:defRPr sz="2800"/>
            </a:lvl1pPr>
            <a:lvl2pPr>
              <a:defRPr sz="2600"/>
            </a:lvl2pPr>
            <a:lvl3pPr>
              <a:defRPr sz="2400"/>
            </a:lvl3pPr>
            <a:lvl4pPr>
              <a:defRPr sz="2000"/>
            </a:lvl4pPr>
            <a:lvl5pPr>
              <a:defRPr sz="18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9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8/17</a:t>
            </a:r>
          </a:p>
        </p:txBody>
      </p:sp>
      <p:sp>
        <p:nvSpPr>
          <p:cNvPr id="6" name="Footer Placeholder 2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1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D4E39AD1-7AA0-5D49-A69D-B5FFE47A3EE8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05133614"/>
      </p:ext>
    </p:extLst>
  </p:cSld>
  <p:clrMapOvr>
    <a:masterClrMapping/>
  </p:clrMapOvr>
</p:sldLayout>
</file>

<file path=ppt/slideLayouts/slideLayout26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nip and Round Single Corner Rectangle 13"/>
          <p:cNvSpPr>
            <a:spLocks/>
          </p:cNvSpPr>
          <p:nvPr/>
        </p:nvSpPr>
        <p:spPr bwMode="auto">
          <a:xfrm rot="420000" flipV="1">
            <a:off x="3165475" y="923925"/>
            <a:ext cx="5257800" cy="3429000"/>
          </a:xfrm>
          <a:custGeom>
            <a:avLst/>
            <a:gdLst>
              <a:gd name="T0" fmla="*/ 0 w 5257800"/>
              <a:gd name="T1" fmla="*/ 0 h 3429000"/>
              <a:gd name="T2" fmla="*/ 5132779 w 5257800"/>
              <a:gd name="T3" fmla="*/ 0 h 3429000"/>
              <a:gd name="T4" fmla="*/ 5257800 w 5257800"/>
              <a:gd name="T5" fmla="*/ 125021 h 3429000"/>
              <a:gd name="T6" fmla="*/ 5257800 w 5257800"/>
              <a:gd name="T7" fmla="*/ 3429000 h 3429000"/>
              <a:gd name="T8" fmla="*/ 0 w 5257800"/>
              <a:gd name="T9" fmla="*/ 3429000 h 3429000"/>
              <a:gd name="T10" fmla="*/ 0 w 5257800"/>
              <a:gd name="T11" fmla="*/ 0 h 3429000"/>
              <a:gd name="T12" fmla="*/ 0 w 5257800"/>
              <a:gd name="T13" fmla="*/ 0 h 3429000"/>
              <a:gd name="T14" fmla="*/ 0 60000 65536"/>
              <a:gd name="T15" fmla="*/ 0 60000 65536"/>
              <a:gd name="T16" fmla="*/ 0 60000 65536"/>
              <a:gd name="T17" fmla="*/ 0 60000 65536"/>
              <a:gd name="T18" fmla="*/ 0 60000 65536"/>
              <a:gd name="T19" fmla="*/ 0 60000 65536"/>
              <a:gd name="T20" fmla="*/ 0 60000 65536"/>
            </a:gdLst>
            <a:ahLst/>
            <a:cxnLst>
              <a:cxn ang="T14">
                <a:pos x="T0" y="T1"/>
              </a:cxn>
              <a:cxn ang="T15">
                <a:pos x="T2" y="T3"/>
              </a:cxn>
              <a:cxn ang="T16">
                <a:pos x="T4" y="T5"/>
              </a:cxn>
              <a:cxn ang="T17">
                <a:pos x="T6" y="T7"/>
              </a:cxn>
              <a:cxn ang="T18">
                <a:pos x="T8" y="T9"/>
              </a:cxn>
              <a:cxn ang="T19">
                <a:pos x="T10" y="T11"/>
              </a:cxn>
              <a:cxn ang="T20">
                <a:pos x="T12" y="T13"/>
              </a:cxn>
            </a:cxnLst>
            <a:rect l="0" t="0" r="r" b="b"/>
            <a:pathLst>
              <a:path w="5257800" h="3429000">
                <a:moveTo>
                  <a:pt x="0" y="0"/>
                </a:moveTo>
                <a:lnTo>
                  <a:pt x="5132779" y="0"/>
                </a:lnTo>
                <a:lnTo>
                  <a:pt x="5257800" y="125021"/>
                </a:lnTo>
                <a:lnTo>
                  <a:pt x="5257800" y="3429000"/>
                </a:lnTo>
                <a:lnTo>
                  <a:pt x="0" y="3429000"/>
                </a:lnTo>
                <a:lnTo>
                  <a:pt x="0" y="0"/>
                </a:lnTo>
                <a:close/>
              </a:path>
            </a:pathLst>
          </a:custGeom>
          <a:solidFill>
            <a:srgbClr val="FFFFFF"/>
          </a:solidFill>
          <a:ln w="3175" cap="rnd" cmpd="sng">
            <a:solidFill>
              <a:srgbClr val="C0C0C0"/>
            </a:solidFill>
            <a:prstDash val="solid"/>
            <a:round/>
            <a:headEnd/>
            <a:tailEnd/>
          </a:ln>
          <a:effectLst>
            <a:outerShdw blurRad="63500" dist="38500" dir="7500041" sx="98500" sy="100079" kx="99984" algn="tl" rotWithShape="0">
              <a:srgbClr val="000000">
                <a:alpha val="25000"/>
              </a:srgbClr>
            </a:outerShdw>
          </a:effectLst>
        </p:spPr>
        <p:txBody>
          <a:bodyPr anchor="ctr"/>
          <a:lstStyle/>
          <a:p>
            <a:endParaRPr lang="en-US" b="0" i="0" dirty="0">
              <a:latin typeface="Helvetica Neue Regular" panose="02000503000000020004" pitchFamily="2" charset="0"/>
            </a:endParaRPr>
          </a:p>
        </p:txBody>
      </p:sp>
      <p:sp>
        <p:nvSpPr>
          <p:cNvPr id="6" name="Right Triangle 5"/>
          <p:cNvSpPr>
            <a:spLocks noChangeArrowheads="1"/>
          </p:cNvSpPr>
          <p:nvPr/>
        </p:nvSpPr>
        <p:spPr bwMode="auto">
          <a:xfrm rot="420000" flipV="1">
            <a:off x="8004177" y="4467225"/>
            <a:ext cx="155575" cy="128588"/>
          </a:xfrm>
          <a:prstGeom prst="rtTriangle">
            <a:avLst/>
          </a:prstGeom>
          <a:solidFill>
            <a:srgbClr val="FFFFFF"/>
          </a:solidFill>
          <a:ln w="12700">
            <a:solidFill>
              <a:srgbClr val="FFFFFF"/>
            </a:solidFill>
            <a:bevel/>
            <a:headEnd/>
            <a:tailEnd/>
          </a:ln>
          <a:effectLst>
            <a:outerShdw blurRad="19685" dist="6350" dir="12899787" algn="tl" rotWithShape="0">
              <a:srgbClr val="000000">
                <a:alpha val="46999"/>
              </a:srgbClr>
            </a:outerShdw>
          </a:effectLst>
        </p:spPr>
        <p:txBody>
          <a:bodyPr anchor="ctr"/>
          <a:lstStyle/>
          <a:p>
            <a:pPr>
              <a:defRPr/>
            </a:pPr>
            <a:endParaRPr lang="en-US" dirty="0">
              <a:solidFill>
                <a:schemeClr val="lt1"/>
              </a:solidFill>
              <a:latin typeface="Helvetica Neue"/>
              <a:ea typeface="+mn-ea"/>
              <a:cs typeface="+mn-cs"/>
              <a:sym typeface="Bradley Hand ITC TT-Bold" pitchFamily="-84" charset="0"/>
            </a:endParaRPr>
          </a:p>
        </p:txBody>
      </p:sp>
      <p:sp>
        <p:nvSpPr>
          <p:cNvPr id="7" name="Freeform 6"/>
          <p:cNvSpPr>
            <a:spLocks/>
          </p:cNvSpPr>
          <p:nvPr/>
        </p:nvSpPr>
        <p:spPr bwMode="auto">
          <a:xfrm flipV="1">
            <a:off x="-9525" y="4846638"/>
            <a:ext cx="9163050" cy="868362"/>
          </a:xfrm>
          <a:custGeom>
            <a:avLst>
              <a:gd name="A1" fmla="val 0"/>
              <a:gd name="A2" fmla="val 0"/>
              <a:gd name="A3" fmla="val 0"/>
              <a:gd name="A4" fmla="val 0"/>
              <a:gd name="A5" fmla="val 0"/>
              <a:gd name="A6" fmla="val 0"/>
              <a:gd name="A7" fmla="val 0"/>
              <a:gd name="A8" fmla="val 0"/>
            </a:avLst>
            <a:gdLst/>
            <a:ahLst/>
            <a:cxnLst>
              <a:cxn ang="0">
                <a:pos x="6" y="2"/>
              </a:cxn>
              <a:cxn ang="0">
                <a:pos x="2542" y="0"/>
              </a:cxn>
              <a:cxn ang="0">
                <a:pos x="4374" y="367"/>
              </a:cxn>
              <a:cxn ang="0">
                <a:pos x="5766" y="55"/>
              </a:cxn>
              <a:cxn ang="0">
                <a:pos x="5772" y="213"/>
              </a:cxn>
              <a:cxn ang="0">
                <a:pos x="4302" y="439"/>
              </a:cxn>
              <a:cxn ang="0">
                <a:pos x="1488" y="201"/>
              </a:cxn>
              <a:cxn ang="0">
                <a:pos x="0" y="656"/>
              </a:cxn>
              <a:cxn ang="0">
                <a:pos x="6" y="2"/>
              </a:cxn>
            </a:cxnLst>
            <a:rect l="0" t="0" r="0" b="0"/>
            <a:pathLst>
              <a:path w="5772" h="656">
                <a:moveTo>
                  <a:pt x="6" y="2"/>
                </a:moveTo>
                <a:lnTo>
                  <a:pt x="2542" y="0"/>
                </a:lnTo>
                <a:cubicBezTo>
                  <a:pt x="2746" y="101"/>
                  <a:pt x="3828" y="367"/>
                  <a:pt x="4374" y="367"/>
                </a:cubicBezTo>
                <a:cubicBezTo>
                  <a:pt x="4920" y="367"/>
                  <a:pt x="5526" y="152"/>
                  <a:pt x="5766" y="55"/>
                </a:cubicBezTo>
                <a:lnTo>
                  <a:pt x="5772" y="213"/>
                </a:lnTo>
                <a:cubicBezTo>
                  <a:pt x="5670" y="257"/>
                  <a:pt x="5016" y="441"/>
                  <a:pt x="4302" y="439"/>
                </a:cubicBezTo>
                <a:cubicBezTo>
                  <a:pt x="3588" y="437"/>
                  <a:pt x="2205" y="165"/>
                  <a:pt x="1488" y="201"/>
                </a:cubicBezTo>
                <a:cubicBezTo>
                  <a:pt x="750" y="209"/>
                  <a:pt x="270" y="482"/>
                  <a:pt x="0" y="656"/>
                </a:cubicBezTo>
                <a:lnTo>
                  <a:pt x="6" y="2"/>
                </a:lnTo>
                <a:close/>
              </a:path>
            </a:pathLst>
          </a:custGeom>
          <a:gradFill>
            <a:gsLst>
              <a:gs pos="0">
                <a:schemeClr val="accent2">
                  <a:shade val="50000"/>
                  <a:alpha val="45000"/>
                  <a:satMod val="120000"/>
                </a:schemeClr>
              </a:gs>
              <a:gs pos="100000">
                <a:schemeClr val="accent3">
                  <a:shade val="80000"/>
                  <a:alpha val="55000"/>
                  <a:satMod val="155000"/>
                </a:schemeClr>
              </a:gs>
            </a:gsLst>
            <a:lin ang="5400000" scaled="1"/>
          </a:gra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/>
          <a:lstStyle/>
          <a:p>
            <a:pPr algn="l">
              <a:defRPr/>
            </a:pPr>
            <a:endParaRPr lang="en-US" dirty="0">
              <a:solidFill>
                <a:schemeClr val="tx1"/>
              </a:solidFill>
              <a:latin typeface="Helvetica Neue"/>
              <a:ea typeface="+mn-ea"/>
              <a:cs typeface="+mn-cs"/>
              <a:sym typeface="Bradley Hand ITC TT-Bold" pitchFamily="-84" charset="0"/>
            </a:endParaRPr>
          </a:p>
        </p:txBody>
      </p:sp>
      <p:sp>
        <p:nvSpPr>
          <p:cNvPr id="8" name="Freeform 7"/>
          <p:cNvSpPr>
            <a:spLocks/>
          </p:cNvSpPr>
          <p:nvPr/>
        </p:nvSpPr>
        <p:spPr bwMode="auto">
          <a:xfrm flipV="1">
            <a:off x="4381500" y="5183188"/>
            <a:ext cx="4762500" cy="531812"/>
          </a:xfrm>
          <a:custGeom>
            <a:avLst>
              <a:gd name="A1" fmla="val 0"/>
              <a:gd name="A2" fmla="val 0"/>
              <a:gd name="A3" fmla="val 0"/>
              <a:gd name="A4" fmla="val 0"/>
              <a:gd name="A5" fmla="val 0"/>
              <a:gd name="A6" fmla="val 0"/>
              <a:gd name="A7" fmla="val 0"/>
              <a:gd name="A8" fmla="val 0"/>
            </a:avLst>
            <a:gdLst/>
            <a:ahLst/>
            <a:cxnLst>
              <a:cxn ang="0">
                <a:pos x="0" y="0"/>
              </a:cxn>
              <a:cxn ang="0">
                <a:pos x="1668" y="564"/>
              </a:cxn>
              <a:cxn ang="0">
                <a:pos x="3000" y="186"/>
              </a:cxn>
              <a:cxn ang="0">
                <a:pos x="3000" y="6"/>
              </a:cxn>
              <a:cxn ang="0">
                <a:pos x="0" y="0"/>
              </a:cxn>
            </a:cxnLst>
            <a:rect l="0" t="0" r="0" b="0"/>
            <a:pathLst>
              <a:path w="3000" h="595">
                <a:moveTo>
                  <a:pt x="0" y="0"/>
                </a:moveTo>
                <a:cubicBezTo>
                  <a:pt x="174" y="102"/>
                  <a:pt x="1168" y="533"/>
                  <a:pt x="1668" y="564"/>
                </a:cubicBezTo>
                <a:cubicBezTo>
                  <a:pt x="2168" y="595"/>
                  <a:pt x="2778" y="279"/>
                  <a:pt x="3000" y="186"/>
                </a:cubicBezTo>
                <a:lnTo>
                  <a:pt x="3000" y="6"/>
                </a:lnTo>
                <a:lnTo>
                  <a:pt x="0" y="0"/>
                </a:lnTo>
                <a:close/>
              </a:path>
            </a:pathLst>
          </a:custGeom>
          <a:gradFill>
            <a:gsLst>
              <a:gs pos="0">
                <a:schemeClr val="accent3">
                  <a:shade val="50000"/>
                  <a:alpha val="30000"/>
                  <a:satMod val="130000"/>
                </a:schemeClr>
              </a:gs>
              <a:gs pos="80000">
                <a:schemeClr val="accent2">
                  <a:shade val="75000"/>
                  <a:alpha val="45000"/>
                  <a:satMod val="140000"/>
                </a:schemeClr>
              </a:gs>
            </a:gsLst>
            <a:lin ang="5400000" scaled="1"/>
          </a:gra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/>
          <a:lstStyle/>
          <a:p>
            <a:pPr algn="l">
              <a:defRPr/>
            </a:pPr>
            <a:endParaRPr lang="en-US" dirty="0">
              <a:solidFill>
                <a:schemeClr val="tx1"/>
              </a:solidFill>
              <a:latin typeface="Helvetica Neue"/>
              <a:ea typeface="+mn-ea"/>
              <a:cs typeface="+mn-cs"/>
              <a:sym typeface="Bradley Hand ITC TT-Bold" pitchFamily="-8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980831"/>
            <a:ext cx="2212848" cy="1318851"/>
          </a:xfrm>
        </p:spPr>
        <p:txBody>
          <a:bodyPr lIns="45720" rIns="45720" bIns="45720"/>
          <a:lstStyle>
            <a:lvl1pPr algn="l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0" y="2357321"/>
            <a:ext cx="2209800" cy="1816100"/>
          </a:xfrm>
        </p:spPr>
        <p:txBody>
          <a:bodyPr lIns="64008" rIns="45720"/>
          <a:lstStyle>
            <a:lvl1pPr marL="0" indent="0" algn="l">
              <a:spcBef>
                <a:spcPts val="250"/>
              </a:spcBef>
              <a:buFontTx/>
              <a:buNone/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 rot="420000">
            <a:off x="3485793" y="999597"/>
            <a:ext cx="4617720" cy="3276600"/>
          </a:xfrm>
          <a:prstGeom prst="rect">
            <a:avLst/>
          </a:prstGeom>
          <a:solidFill>
            <a:schemeClr val="bg2"/>
          </a:solidFill>
          <a:ln w="3000" cap="rnd">
            <a:solidFill>
              <a:srgbClr val="C0C0C0"/>
            </a:solidFill>
            <a:round/>
          </a:ln>
          <a:effectLst/>
        </p:spPr>
        <p:txBody>
          <a:bodyPr>
            <a:normAutofit/>
          </a:bodyPr>
          <a:lstStyle>
            <a:lvl1pPr marL="0" indent="0">
              <a:buNone/>
              <a:defRPr sz="3200"/>
            </a:lvl1pPr>
          </a:lstStyle>
          <a:p>
            <a:pPr lvl="0"/>
            <a:r>
              <a:rPr lang="en-US" noProof="0"/>
              <a:t>Click icon to add picture</a:t>
            </a:r>
            <a:endParaRPr lang="en-US" noProof="0" dirty="0"/>
          </a:p>
        </p:txBody>
      </p:sp>
      <p:sp>
        <p:nvSpPr>
          <p:cNvPr id="9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8/17</a:t>
            </a:r>
          </a:p>
        </p:txBody>
      </p:sp>
      <p:sp>
        <p:nvSpPr>
          <p:cNvPr id="10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1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077200" y="5297488"/>
            <a:ext cx="609600" cy="303212"/>
          </a:xfrm>
        </p:spPr>
        <p:txBody>
          <a:bodyPr/>
          <a:lstStyle>
            <a:lvl1pPr>
              <a:defRPr/>
            </a:lvl1pPr>
          </a:lstStyle>
          <a:p>
            <a:fld id="{69B665E9-F8FA-B347-9EEB-A338259137B5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33929100"/>
      </p:ext>
    </p:extLst>
  </p:cSld>
  <p:clrMapOvr>
    <a:masterClrMapping/>
  </p:clrMapOvr>
</p:sldLayout>
</file>

<file path=ppt/slideLayouts/slideLayout26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9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8/17</a:t>
            </a:r>
          </a:p>
        </p:txBody>
      </p:sp>
      <p:sp>
        <p:nvSpPr>
          <p:cNvPr id="5" name="Footer Placeholder 2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1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DB9CA08F-3EDF-8449-9D52-E36FC48910C7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8467648"/>
      </p:ext>
    </p:extLst>
  </p:cSld>
  <p:clrMapOvr>
    <a:masterClrMapping/>
  </p:clrMapOvr>
</p:sldLayout>
</file>

<file path=ppt/slideLayouts/slideLayout26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762001"/>
            <a:ext cx="2057400" cy="4343136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762001"/>
            <a:ext cx="6019800" cy="4343136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9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8/17</a:t>
            </a:r>
          </a:p>
        </p:txBody>
      </p:sp>
      <p:sp>
        <p:nvSpPr>
          <p:cNvPr id="5" name="Footer Placeholder 2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1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940904D6-FD89-2F4C-AB46-D14C3E602BFB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9867871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FA822342-6106-4843-BDF2-93041DA7A9F8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6605138"/>
      </p:ext>
    </p:extLst>
  </p:cSld>
  <p:clrMapOvr>
    <a:masterClrMapping/>
  </p:clrMapOvr>
  <p:transition/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009A33E2-6A6A-AB44-9E02-6ED2D47E6415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34302206"/>
      </p:ext>
    </p:extLst>
  </p:cSld>
  <p:clrMapOvr>
    <a:masterClrMapping/>
  </p:clrMapOvr>
  <p:transition/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98B36D06-75B1-864C-B1C1-DE347F744993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9774544"/>
      </p:ext>
    </p:extLst>
  </p:cSld>
  <p:clrMapOvr>
    <a:masterClrMapping/>
  </p:clrMapOvr>
  <p:transition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  <a:prstGeom prst="rect">
            <a:avLst/>
          </a:prstGeom>
        </p:spPr>
        <p:txBody>
          <a:bodyPr vert="horz" lIns="43955" tIns="21978" rIns="43955" bIns="21978"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</p:spPr>
        <p:txBody>
          <a:bodyPr anchor="b"/>
          <a:lstStyle>
            <a:lvl1pPr marL="0" indent="0">
              <a:buNone/>
              <a:defRPr sz="1000"/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851D3170-3ECC-2041-B0C5-32323777B609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9729218"/>
      </p:ext>
    </p:extLst>
  </p:cSld>
  <p:clrMapOvr>
    <a:masterClrMapping/>
  </p:clrMapOvr>
  <p:transition/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</p:spPr>
        <p:txBody>
          <a:bodyPr/>
          <a:lstStyle>
            <a:lvl1pPr>
              <a:defRPr sz="1500"/>
            </a:lvl1pPr>
            <a:lvl2pPr>
              <a:defRPr sz="1300"/>
            </a:lvl2pPr>
            <a:lvl3pPr>
              <a:defRPr sz="1200"/>
            </a:lvl3pPr>
            <a:lvl4pPr>
              <a:defRPr sz="1000"/>
            </a:lvl4pPr>
            <a:lvl5pPr>
              <a:defRPr sz="1000"/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7E44037C-37C5-BF44-83CF-7FA7EB967CD0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550349"/>
      </p:ext>
    </p:extLst>
  </p:cSld>
  <p:clrMapOvr>
    <a:masterClrMapping/>
  </p:clrMapOvr>
  <p:transition/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</p:spPr>
        <p:txBody>
          <a:bodyPr/>
          <a:lstStyle>
            <a:lvl1pPr marL="0" indent="0">
              <a:buNone/>
              <a:defRPr sz="1500"/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>
              <a:sym typeface="Bradley Hand ITC TT-Bold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C241AE2E-E08D-3145-B03D-CCF6603334F0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2135386"/>
      </p:ext>
    </p:extLst>
  </p:cSld>
  <p:clrMapOvr>
    <a:masterClrMapping/>
  </p:clrMapOvr>
  <p:transition/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50612FA9-AEDE-CC40-A018-B4603F5E5B75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3278836"/>
      </p:ext>
    </p:extLst>
  </p:cSld>
  <p:clrMapOvr>
    <a:masterClrMapping/>
  </p:clrMapOvr>
  <p:transition/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499231" y="304800"/>
            <a:ext cx="1920875" cy="46736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36604" y="304800"/>
            <a:ext cx="5686425" cy="467360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Box 4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97B20795-5C26-A64A-916A-09BBED9009C9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68560995"/>
      </p:ext>
    </p:extLst>
  </p:cSld>
  <p:clrMapOvr>
    <a:masterClrMapping/>
  </p:clrMapOvr>
  <p:transition/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 algn="ctr">
              <a:buNone/>
              <a:defRPr b="0" i="0">
                <a:latin typeface="Helvetica Neue Regular" panose="02000503000000020004" pitchFamily="2" charset="0"/>
              </a:defRPr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4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0AC21183-0B60-114F-847D-24EBF120190A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9510198"/>
      </p:ext>
    </p:extLst>
  </p:cSld>
  <p:clrMapOvr>
    <a:masterClrMapping/>
  </p:clrMapOvr>
  <p:transition/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333500"/>
            <a:ext cx="82296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046DF357-544F-5C47-8637-F688C6432B47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039551"/>
      </p:ext>
    </p:extLst>
  </p:cSld>
  <p:clrMapOvr>
    <a:masterClrMapping/>
  </p:clrMapOvr>
  <p:transition/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  <a:prstGeom prst="rect">
            <a:avLst/>
          </a:prstGeom>
        </p:spPr>
        <p:txBody>
          <a:bodyPr vert="horz" lIns="43955" tIns="21978" rIns="43955" bIns="21978"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0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D4580FDA-5405-0D4B-8421-29595B8D9360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1473004"/>
      </p:ext>
    </p:extLst>
  </p:cSld>
  <p:clrMapOvr>
    <a:masterClrMapping/>
  </p:clrMapOvr>
  <p:transition/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333500"/>
            <a:ext cx="40767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300" b="0" i="0">
                <a:latin typeface="Helvetica Neue Regular" panose="02000503000000020004" pitchFamily="2" charset="0"/>
              </a:defRPr>
            </a:lvl1pPr>
            <a:lvl2pPr>
              <a:defRPr sz="1200" b="0" i="0">
                <a:latin typeface="Helvetica Neue Regular" panose="02000503000000020004" pitchFamily="2" charset="0"/>
              </a:defRPr>
            </a:lvl2pPr>
            <a:lvl3pPr>
              <a:defRPr sz="1000" b="0" i="0">
                <a:latin typeface="Helvetica Neue Regular" panose="02000503000000020004" pitchFamily="2" charset="0"/>
              </a:defRPr>
            </a:lvl3pPr>
            <a:lvl4pPr>
              <a:defRPr sz="900" b="0" i="0">
                <a:latin typeface="Helvetica Neue Regular" panose="02000503000000020004" pitchFamily="2" charset="0"/>
              </a:defRPr>
            </a:lvl4pPr>
            <a:lvl5pPr>
              <a:defRPr sz="900" b="0" i="0">
                <a:latin typeface="Helvetica Neue Regular" panose="02000503000000020004" pitchFamily="2" charset="0"/>
              </a:defRPr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10100" y="1333500"/>
            <a:ext cx="40767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300" b="0" i="0">
                <a:latin typeface="Helvetica Neue Regular" panose="02000503000000020004" pitchFamily="2" charset="0"/>
              </a:defRPr>
            </a:lvl1pPr>
            <a:lvl2pPr>
              <a:defRPr sz="1200" b="0" i="0">
                <a:latin typeface="Helvetica Neue Regular" panose="02000503000000020004" pitchFamily="2" charset="0"/>
              </a:defRPr>
            </a:lvl2pPr>
            <a:lvl3pPr>
              <a:defRPr sz="1000" b="0" i="0">
                <a:latin typeface="Helvetica Neue Regular" panose="02000503000000020004" pitchFamily="2" charset="0"/>
              </a:defRPr>
            </a:lvl3pPr>
            <a:lvl4pPr>
              <a:defRPr sz="900" b="0" i="0">
                <a:latin typeface="Helvetica Neue Regular" panose="02000503000000020004" pitchFamily="2" charset="0"/>
              </a:defRPr>
            </a:lvl4pPr>
            <a:lvl5pPr>
              <a:defRPr sz="900" b="0" i="0">
                <a:latin typeface="Helvetica Neue Regular" panose="02000503000000020004" pitchFamily="2" charset="0"/>
              </a:defRPr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F0026786-7D60-6F48-8EEA-07801AB843B8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57745798"/>
      </p:ext>
    </p:extLst>
  </p:cSld>
  <p:clrMapOvr>
    <a:masterClrMapping/>
  </p:clrMapOvr>
  <p:transition/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2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200" b="0" i="0">
                <a:latin typeface="Helvetica Neue Regular" panose="02000503000000020004" pitchFamily="2" charset="0"/>
              </a:defRPr>
            </a:lvl1pPr>
            <a:lvl2pPr>
              <a:defRPr sz="1000" b="0" i="0">
                <a:latin typeface="Helvetica Neue Regular" panose="02000503000000020004" pitchFamily="2" charset="0"/>
              </a:defRPr>
            </a:lvl2pPr>
            <a:lvl3pPr>
              <a:defRPr sz="900" b="0" i="0">
                <a:latin typeface="Helvetica Neue Regular" panose="02000503000000020004" pitchFamily="2" charset="0"/>
              </a:defRPr>
            </a:lvl3pPr>
            <a:lvl4pPr>
              <a:defRPr sz="800" b="0" i="0">
                <a:latin typeface="Helvetica Neue Regular" panose="02000503000000020004" pitchFamily="2" charset="0"/>
              </a:defRPr>
            </a:lvl4pPr>
            <a:lvl5pPr>
              <a:defRPr sz="800" b="0" i="0">
                <a:latin typeface="Helvetica Neue Regular" panose="02000503000000020004" pitchFamily="2" charset="0"/>
              </a:defRPr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2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200" b="0" i="0">
                <a:latin typeface="Helvetica Neue Regular" panose="02000503000000020004" pitchFamily="2" charset="0"/>
              </a:defRPr>
            </a:lvl1pPr>
            <a:lvl2pPr>
              <a:defRPr sz="1000" b="0" i="0">
                <a:latin typeface="Helvetica Neue Regular" panose="02000503000000020004" pitchFamily="2" charset="0"/>
              </a:defRPr>
            </a:lvl2pPr>
            <a:lvl3pPr>
              <a:defRPr sz="900" b="0" i="0">
                <a:latin typeface="Helvetica Neue Regular" panose="02000503000000020004" pitchFamily="2" charset="0"/>
              </a:defRPr>
            </a:lvl3pPr>
            <a:lvl4pPr>
              <a:defRPr sz="800" b="0" i="0">
                <a:latin typeface="Helvetica Neue Regular" panose="02000503000000020004" pitchFamily="2" charset="0"/>
              </a:defRPr>
            </a:lvl4pPr>
            <a:lvl5pPr>
              <a:defRPr sz="800" b="0" i="0">
                <a:latin typeface="Helvetica Neue Regular" panose="02000503000000020004" pitchFamily="2" charset="0"/>
              </a:defRPr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36EDF934-2F94-5740-98B2-E5675202B37F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7891524"/>
      </p:ext>
    </p:extLst>
  </p:cSld>
  <p:clrMapOvr>
    <a:masterClrMapping/>
  </p:clrMapOvr>
  <p:transition/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22D791E8-C1F0-BB4D-BC69-23F89CB76310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6648636"/>
      </p:ext>
    </p:extLst>
  </p:cSld>
  <p:clrMapOvr>
    <a:masterClrMapping/>
  </p:clrMapOvr>
  <p:transition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36600" y="1073151"/>
            <a:ext cx="3803650" cy="357505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16450" y="1073151"/>
            <a:ext cx="3803650" cy="357505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F41EBEBB-14A5-B94D-BB14-2CF00290C67D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6206228"/>
      </p:ext>
    </p:extLst>
  </p:cSld>
  <p:clrMapOvr>
    <a:masterClrMapping/>
  </p:clrMapOvr>
  <p:transition/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5188B06E-3A55-C444-BEAE-2EB333F913F8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82484313"/>
      </p:ext>
    </p:extLst>
  </p:cSld>
  <p:clrMapOvr>
    <a:masterClrMapping/>
  </p:clrMapOvr>
  <p:transition/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500" b="0" i="0">
                <a:latin typeface="Helvetica Neue Regular" panose="02000503000000020004" pitchFamily="2" charset="0"/>
              </a:defRPr>
            </a:lvl1pPr>
            <a:lvl2pPr>
              <a:defRPr sz="1300" b="0" i="0">
                <a:latin typeface="Helvetica Neue Regular" panose="02000503000000020004" pitchFamily="2" charset="0"/>
              </a:defRPr>
            </a:lvl2pPr>
            <a:lvl3pPr>
              <a:defRPr sz="1200" b="0" i="0">
                <a:latin typeface="Helvetica Neue Regular" panose="02000503000000020004" pitchFamily="2" charset="0"/>
              </a:defRPr>
            </a:lvl3pPr>
            <a:lvl4pPr>
              <a:defRPr sz="1000" b="0" i="0">
                <a:latin typeface="Helvetica Neue Regular" panose="02000503000000020004" pitchFamily="2" charset="0"/>
              </a:defRPr>
            </a:lvl4pPr>
            <a:lvl5pPr>
              <a:defRPr sz="1000" b="0" i="0">
                <a:latin typeface="Helvetica Neue Regular" panose="02000503000000020004" pitchFamily="2" charset="0"/>
              </a:defRPr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7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CBEDDEC4-262D-0E41-948C-8A269CBFE849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6925169"/>
      </p:ext>
    </p:extLst>
  </p:cSld>
  <p:clrMapOvr>
    <a:masterClrMapping/>
  </p:clrMapOvr>
  <p:transition/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15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 dirty="0">
              <a:sym typeface="Bradley Hand ITC TT-Bold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7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E1965555-C1B8-1C42-9D6B-2D9EC6012444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292732"/>
      </p:ext>
    </p:extLst>
  </p:cSld>
  <p:clrMapOvr>
    <a:masterClrMapping/>
  </p:clrMapOvr>
  <p:transition/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333500"/>
            <a:ext cx="8229600" cy="3771900"/>
          </a:xfrm>
          <a:prstGeom prst="rect">
            <a:avLst/>
          </a:prstGeom>
        </p:spPr>
        <p:txBody>
          <a:bodyPr vert="eaVert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6A9C20D1-23FD-D24E-9F21-EFE8ED2B9720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7699934"/>
      </p:ext>
    </p:extLst>
  </p:cSld>
  <p:clrMapOvr>
    <a:masterClrMapping/>
  </p:clrMapOvr>
  <p:transition/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28600"/>
            <a:ext cx="2057400" cy="4876800"/>
          </a:xfrm>
          <a:prstGeom prst="rect">
            <a:avLst/>
          </a:prstGeom>
        </p:spPr>
        <p:txBody>
          <a:bodyPr vert="eaVert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28600"/>
            <a:ext cx="6096000" cy="4876800"/>
          </a:xfrm>
          <a:prstGeom prst="rect">
            <a:avLst/>
          </a:prstGeom>
        </p:spPr>
        <p:txBody>
          <a:bodyPr vert="eaVert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5DB3867E-881E-DB4A-8EC5-0F101E8FBD8A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1113746"/>
      </p:ext>
    </p:extLst>
  </p:cSld>
  <p:clrMapOvr>
    <a:masterClrMapping/>
  </p:clrMapOvr>
  <p:transition/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 algn="ctr">
              <a:buNone/>
              <a:defRPr b="0" i="0">
                <a:latin typeface="Helvetica Neue Regular" panose="02000503000000020004" pitchFamily="2" charset="0"/>
              </a:defRPr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4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9B5532C2-5487-094E-8DFC-AC7F3CB5F04A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0128586"/>
      </p:ext>
    </p:extLst>
  </p:cSld>
  <p:clrMapOvr>
    <a:masterClrMapping/>
  </p:clrMapOvr>
  <p:transition/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333500"/>
            <a:ext cx="82296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7CF90A72-2D88-2742-92D0-B233805A8308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6874237"/>
      </p:ext>
    </p:extLst>
  </p:cSld>
  <p:clrMapOvr>
    <a:masterClrMapping/>
  </p:clrMapOvr>
  <p:transition/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  <a:prstGeom prst="rect">
            <a:avLst/>
          </a:prstGeom>
        </p:spPr>
        <p:txBody>
          <a:bodyPr vert="horz" lIns="43955" tIns="21978" rIns="43955" bIns="21978"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0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EC7E1BCD-1C8E-0646-AF28-E125935497DA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4651590"/>
      </p:ext>
    </p:extLst>
  </p:cSld>
  <p:clrMapOvr>
    <a:masterClrMapping/>
  </p:clrMapOvr>
  <p:transition/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333500"/>
            <a:ext cx="40767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300" b="0" i="0">
                <a:latin typeface="Helvetica Neue Regular" panose="02000503000000020004" pitchFamily="2" charset="0"/>
              </a:defRPr>
            </a:lvl1pPr>
            <a:lvl2pPr>
              <a:defRPr sz="1200" b="0" i="0">
                <a:latin typeface="Helvetica Neue Regular" panose="02000503000000020004" pitchFamily="2" charset="0"/>
              </a:defRPr>
            </a:lvl2pPr>
            <a:lvl3pPr>
              <a:defRPr sz="1000" b="0" i="0">
                <a:latin typeface="Helvetica Neue Regular" panose="02000503000000020004" pitchFamily="2" charset="0"/>
              </a:defRPr>
            </a:lvl3pPr>
            <a:lvl4pPr>
              <a:defRPr sz="900" b="0" i="0">
                <a:latin typeface="Helvetica Neue Regular" panose="02000503000000020004" pitchFamily="2" charset="0"/>
              </a:defRPr>
            </a:lvl4pPr>
            <a:lvl5pPr>
              <a:defRPr sz="900" b="0" i="0">
                <a:latin typeface="Helvetica Neue Regular" panose="02000503000000020004" pitchFamily="2" charset="0"/>
              </a:defRPr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10100" y="1333500"/>
            <a:ext cx="4076700" cy="37719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300" b="0" i="0">
                <a:latin typeface="Helvetica Neue Regular" panose="02000503000000020004" pitchFamily="2" charset="0"/>
              </a:defRPr>
            </a:lvl1pPr>
            <a:lvl2pPr>
              <a:defRPr sz="1200" b="0" i="0">
                <a:latin typeface="Helvetica Neue Regular" panose="02000503000000020004" pitchFamily="2" charset="0"/>
              </a:defRPr>
            </a:lvl2pPr>
            <a:lvl3pPr>
              <a:defRPr sz="1000" b="0" i="0">
                <a:latin typeface="Helvetica Neue Regular" panose="02000503000000020004" pitchFamily="2" charset="0"/>
              </a:defRPr>
            </a:lvl3pPr>
            <a:lvl4pPr>
              <a:defRPr sz="900" b="0" i="0">
                <a:latin typeface="Helvetica Neue Regular" panose="02000503000000020004" pitchFamily="2" charset="0"/>
              </a:defRPr>
            </a:lvl4pPr>
            <a:lvl5pPr>
              <a:defRPr sz="900" b="0" i="0">
                <a:latin typeface="Helvetica Neue Regular" panose="02000503000000020004" pitchFamily="2" charset="0"/>
              </a:defRPr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233EF9B2-07BC-C142-A45A-BF4E96B9D2DD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6410697"/>
      </p:ext>
    </p:extLst>
  </p:cSld>
  <p:clrMapOvr>
    <a:masterClrMapping/>
  </p:clrMapOvr>
  <p:transition/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2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200" b="0" i="0">
                <a:latin typeface="Helvetica Neue Regular" panose="02000503000000020004" pitchFamily="2" charset="0"/>
              </a:defRPr>
            </a:lvl1pPr>
            <a:lvl2pPr>
              <a:defRPr sz="1000" b="0" i="0">
                <a:latin typeface="Helvetica Neue Regular" panose="02000503000000020004" pitchFamily="2" charset="0"/>
              </a:defRPr>
            </a:lvl2pPr>
            <a:lvl3pPr>
              <a:defRPr sz="900" b="0" i="0">
                <a:latin typeface="Helvetica Neue Regular" panose="02000503000000020004" pitchFamily="2" charset="0"/>
              </a:defRPr>
            </a:lvl3pPr>
            <a:lvl4pPr>
              <a:defRPr sz="800" b="0" i="0">
                <a:latin typeface="Helvetica Neue Regular" panose="02000503000000020004" pitchFamily="2" charset="0"/>
              </a:defRPr>
            </a:lvl4pPr>
            <a:lvl5pPr>
              <a:defRPr sz="800" b="0" i="0">
                <a:latin typeface="Helvetica Neue Regular" panose="02000503000000020004" pitchFamily="2" charset="0"/>
              </a:defRPr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marL="0" indent="0">
              <a:buNone/>
              <a:defRPr sz="12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200" b="0" i="0">
                <a:latin typeface="Helvetica Neue Regular" panose="02000503000000020004" pitchFamily="2" charset="0"/>
              </a:defRPr>
            </a:lvl1pPr>
            <a:lvl2pPr>
              <a:defRPr sz="1000" b="0" i="0">
                <a:latin typeface="Helvetica Neue Regular" panose="02000503000000020004" pitchFamily="2" charset="0"/>
              </a:defRPr>
            </a:lvl2pPr>
            <a:lvl3pPr>
              <a:defRPr sz="900" b="0" i="0">
                <a:latin typeface="Helvetica Neue Regular" panose="02000503000000020004" pitchFamily="2" charset="0"/>
              </a:defRPr>
            </a:lvl3pPr>
            <a:lvl4pPr>
              <a:defRPr sz="800" b="0" i="0">
                <a:latin typeface="Helvetica Neue Regular" panose="02000503000000020004" pitchFamily="2" charset="0"/>
              </a:defRPr>
            </a:lvl4pPr>
            <a:lvl5pPr>
              <a:defRPr sz="800" b="0" i="0">
                <a:latin typeface="Helvetica Neue Regular" panose="02000503000000020004" pitchFamily="2" charset="0"/>
              </a:defRPr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D23B1328-EDAF-354A-9680-31A3E04F0412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2531629"/>
      </p:ext>
    </p:extLst>
  </p:cSld>
  <p:clrMapOvr>
    <a:masterClrMapping/>
  </p:clrMapOvr>
  <p:transition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6B95233C-4A23-C948-BD0A-2691D98FF7E8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6742219"/>
      </p:ext>
    </p:extLst>
  </p:cSld>
  <p:clrMapOvr>
    <a:masterClrMapping/>
  </p:clrMapOvr>
  <p:transition/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82E8839F-4DAC-EF48-86B7-D3F31181C4E8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0240143"/>
      </p:ext>
    </p:extLst>
  </p:cSld>
  <p:clrMapOvr>
    <a:masterClrMapping/>
  </p:clrMapOvr>
  <p:transition/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823DA8CC-D6E9-184E-9446-5AD8A0743127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42110729"/>
      </p:ext>
    </p:extLst>
  </p:cSld>
  <p:clrMapOvr>
    <a:masterClrMapping/>
  </p:clrMapOvr>
  <p:transition/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 sz="1500" b="0" i="0">
                <a:latin typeface="Helvetica Neue Regular" panose="02000503000000020004" pitchFamily="2" charset="0"/>
              </a:defRPr>
            </a:lvl1pPr>
            <a:lvl2pPr>
              <a:defRPr sz="1300" b="0" i="0">
                <a:latin typeface="Helvetica Neue Regular" panose="02000503000000020004" pitchFamily="2" charset="0"/>
              </a:defRPr>
            </a:lvl2pPr>
            <a:lvl3pPr>
              <a:defRPr sz="1200" b="0" i="0">
                <a:latin typeface="Helvetica Neue Regular" panose="02000503000000020004" pitchFamily="2" charset="0"/>
              </a:defRPr>
            </a:lvl3pPr>
            <a:lvl4pPr>
              <a:defRPr sz="1000" b="0" i="0">
                <a:latin typeface="Helvetica Neue Regular" panose="02000503000000020004" pitchFamily="2" charset="0"/>
              </a:defRPr>
            </a:lvl4pPr>
            <a:lvl5pPr>
              <a:defRPr sz="1000" b="0" i="0">
                <a:latin typeface="Helvetica Neue Regular" panose="02000503000000020004" pitchFamily="2" charset="0"/>
              </a:defRPr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7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C4B631C3-23BE-B347-8F3B-5C67EEDECFE7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5392508"/>
      </p:ext>
    </p:extLst>
  </p:cSld>
  <p:clrMapOvr>
    <a:masterClrMapping/>
  </p:clrMapOvr>
  <p:transition/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15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 dirty="0">
              <a:sym typeface="Bradley Hand ITC TT-Bold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  <a:prstGeom prst="rect">
            <a:avLst/>
          </a:prstGeom>
        </p:spPr>
        <p:txBody>
          <a:bodyPr vert="horz" lIns="43955" tIns="21978" rIns="43955" bIns="21978"/>
          <a:lstStyle>
            <a:lvl1pPr marL="0" indent="0">
              <a:buNone/>
              <a:defRPr sz="700" b="0" i="0">
                <a:latin typeface="Helvetica Neue Regular" panose="02000503000000020004" pitchFamily="2" charset="0"/>
              </a:defRPr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E743E08C-87E5-F640-92F0-011C06872F97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1067200"/>
      </p:ext>
    </p:extLst>
  </p:cSld>
  <p:clrMapOvr>
    <a:masterClrMapping/>
  </p:clrMapOvr>
  <p:transition/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333500"/>
            <a:ext cx="8229600" cy="3771900"/>
          </a:xfrm>
          <a:prstGeom prst="rect">
            <a:avLst/>
          </a:prstGeom>
        </p:spPr>
        <p:txBody>
          <a:bodyPr vert="eaVert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B4DDD76C-6401-A34B-9DD8-40AF2E391BCA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57443569"/>
      </p:ext>
    </p:extLst>
  </p:cSld>
  <p:clrMapOvr>
    <a:masterClrMapping/>
  </p:clrMapOvr>
  <p:transition/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28600"/>
            <a:ext cx="2057400" cy="4876800"/>
          </a:xfrm>
          <a:prstGeom prst="rect">
            <a:avLst/>
          </a:prstGeom>
        </p:spPr>
        <p:txBody>
          <a:bodyPr vert="eaVert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28600"/>
            <a:ext cx="6096000" cy="4876800"/>
          </a:xfrm>
          <a:prstGeom prst="rect">
            <a:avLst/>
          </a:prstGeom>
        </p:spPr>
        <p:txBody>
          <a:bodyPr vert="eaVert" lIns="43955" tIns="21978" rIns="43955" bIns="21978"/>
          <a:lstStyle>
            <a:lvl1pPr>
              <a:defRPr b="0" i="0">
                <a:latin typeface="Helvetica Neue Regular" panose="02000503000000020004" pitchFamily="2" charset="0"/>
              </a:defRPr>
            </a:lvl1pPr>
            <a:lvl2pPr>
              <a:defRPr b="0" i="0">
                <a:latin typeface="Helvetica Neue Regular" panose="02000503000000020004" pitchFamily="2" charset="0"/>
              </a:defRPr>
            </a:lvl2pPr>
            <a:lvl3pPr>
              <a:defRPr b="0" i="0">
                <a:latin typeface="Helvetica Neue Regular" panose="02000503000000020004" pitchFamily="2" charset="0"/>
              </a:defRPr>
            </a:lvl3pPr>
            <a:lvl4pPr>
              <a:defRPr b="0" i="0">
                <a:latin typeface="Helvetica Neue Regular" panose="02000503000000020004" pitchFamily="2" charset="0"/>
              </a:defRPr>
            </a:lvl4pPr>
            <a:lvl5pPr>
              <a:defRPr b="0" i="0">
                <a:latin typeface="Helvetica Neue Regular" panose="02000503000000020004" pitchFamily="2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931F6198-6A1C-5F42-A6BB-D42B09F07E42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12167402"/>
      </p:ext>
    </p:extLst>
  </p:cSld>
  <p:clrMapOvr>
    <a:masterClrMapping/>
  </p:clrMapOvr>
  <p:transition/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</p:spPr>
        <p:txBody>
          <a:bodyPr/>
          <a:lstStyle>
            <a:lvl1pPr marL="0" indent="0" algn="ctr">
              <a:buNone/>
              <a:defRPr/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975883796"/>
      </p:ext>
    </p:extLst>
  </p:cSld>
  <p:clrMapOvr>
    <a:masterClrMapping/>
  </p:clrMapOvr>
  <p:transition/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981460722"/>
      </p:ext>
    </p:extLst>
  </p:cSld>
  <p:clrMapOvr>
    <a:masterClrMapping/>
  </p:clrMapOvr>
  <p:transition/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</p:spPr>
        <p:txBody>
          <a:bodyPr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</p:spPr>
        <p:txBody>
          <a:bodyPr anchor="b"/>
          <a:lstStyle>
            <a:lvl1pPr marL="0" indent="0">
              <a:buNone/>
              <a:defRPr sz="1000"/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601017362"/>
      </p:ext>
    </p:extLst>
  </p:cSld>
  <p:clrMapOvr>
    <a:masterClrMapping/>
  </p:clrMapOvr>
  <p:transition/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36600" y="3073400"/>
            <a:ext cx="3803650" cy="74930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16450" y="3073400"/>
            <a:ext cx="3803650" cy="74930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965869237"/>
      </p:ext>
    </p:extLst>
  </p:cSld>
  <p:clrMapOvr>
    <a:masterClrMapping/>
  </p:clrMapOvr>
  <p:transition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6B7302B3-8ADA-8C40-AA55-680F2F7E3407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58547867"/>
      </p:ext>
    </p:extLst>
  </p:cSld>
  <p:clrMapOvr>
    <a:masterClrMapping/>
  </p:clrMapOvr>
  <p:transition/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106008740"/>
      </p:ext>
    </p:extLst>
  </p:cSld>
  <p:clrMapOvr>
    <a:masterClrMapping/>
  </p:clrMapOvr>
  <p:transition/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990294884"/>
      </p:ext>
    </p:extLst>
  </p:cSld>
  <p:clrMapOvr>
    <a:masterClrMapping/>
  </p:clrMapOvr>
  <p:transition/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326626889"/>
      </p:ext>
    </p:extLst>
  </p:cSld>
  <p:clrMapOvr>
    <a:masterClrMapping/>
  </p:clrMapOvr>
  <p:transition/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</p:spPr>
        <p:txBody>
          <a:bodyPr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</p:spPr>
        <p:txBody>
          <a:bodyPr/>
          <a:lstStyle>
            <a:lvl1pPr>
              <a:defRPr sz="1500"/>
            </a:lvl1pPr>
            <a:lvl2pPr>
              <a:defRPr sz="1300"/>
            </a:lvl2pPr>
            <a:lvl3pPr>
              <a:defRPr sz="1200"/>
            </a:lvl3pPr>
            <a:lvl4pPr>
              <a:defRPr sz="1000"/>
            </a:lvl4pPr>
            <a:lvl5pPr>
              <a:defRPr sz="1000"/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391564068"/>
      </p:ext>
    </p:extLst>
  </p:cSld>
  <p:clrMapOvr>
    <a:masterClrMapping/>
  </p:clrMapOvr>
  <p:transition/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</p:spPr>
        <p:txBody>
          <a:bodyPr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</p:spPr>
        <p:txBody>
          <a:bodyPr/>
          <a:lstStyle>
            <a:lvl1pPr marL="0" indent="0">
              <a:buNone/>
              <a:defRPr sz="1500"/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>
              <a:sym typeface="Bradley Hand ITC TT-Bold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166644493"/>
      </p:ext>
    </p:extLst>
  </p:cSld>
  <p:clrMapOvr>
    <a:masterClrMapping/>
  </p:clrMapOvr>
  <p:transition/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880269084"/>
      </p:ext>
    </p:extLst>
  </p:cSld>
  <p:clrMapOvr>
    <a:masterClrMapping/>
  </p:clrMapOvr>
  <p:transition/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499231" y="1073151"/>
            <a:ext cx="1920875" cy="2749550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36604" y="1073151"/>
            <a:ext cx="5686425" cy="274955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398435348"/>
      </p:ext>
    </p:extLst>
  </p:cSld>
  <p:clrMapOvr>
    <a:masterClrMapping/>
  </p:clrMapOvr>
  <p:transition/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</p:spPr>
        <p:txBody>
          <a:bodyPr/>
          <a:lstStyle>
            <a:lvl1pPr marL="0" indent="0" algn="ctr">
              <a:buNone/>
              <a:defRPr/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285062846"/>
      </p:ext>
    </p:extLst>
  </p:cSld>
  <p:clrMapOvr>
    <a:masterClrMapping/>
  </p:clrMapOvr>
  <p:transition/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636196390"/>
      </p:ext>
    </p:extLst>
  </p:cSld>
  <p:clrMapOvr>
    <a:masterClrMapping/>
  </p:clrMapOvr>
  <p:transition/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</p:spPr>
        <p:txBody>
          <a:bodyPr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</p:spPr>
        <p:txBody>
          <a:bodyPr anchor="b"/>
          <a:lstStyle>
            <a:lvl1pPr marL="0" indent="0">
              <a:buNone/>
              <a:defRPr sz="1000"/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756037052"/>
      </p:ext>
    </p:extLst>
  </p:cSld>
  <p:clrMapOvr>
    <a:masterClrMapping/>
  </p:clrMapOvr>
  <p:transition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EA0E946A-A9E0-E845-B0AE-3A72F24C6848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3730757"/>
      </p:ext>
    </p:extLst>
  </p:cSld>
  <p:clrMapOvr>
    <a:masterClrMapping/>
  </p:clrMapOvr>
  <p:transition/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36600" y="1625600"/>
            <a:ext cx="3803650" cy="335280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16450" y="1625600"/>
            <a:ext cx="3803650" cy="335280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244101834"/>
      </p:ext>
    </p:extLst>
  </p:cSld>
  <p:clrMapOvr>
    <a:masterClrMapping/>
  </p:clrMapOvr>
  <p:transition/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765016651"/>
      </p:ext>
    </p:extLst>
  </p:cSld>
  <p:clrMapOvr>
    <a:masterClrMapping/>
  </p:clrMapOvr>
  <p:transition/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97507880"/>
      </p:ext>
    </p:extLst>
  </p:cSld>
  <p:clrMapOvr>
    <a:masterClrMapping/>
  </p:clrMapOvr>
  <p:transition/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77895464"/>
      </p:ext>
    </p:extLst>
  </p:cSld>
  <p:clrMapOvr>
    <a:masterClrMapping/>
  </p:clrMapOvr>
  <p:transition/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</p:spPr>
        <p:txBody>
          <a:bodyPr/>
          <a:lstStyle>
            <a:lvl1pPr>
              <a:defRPr sz="1500"/>
            </a:lvl1pPr>
            <a:lvl2pPr>
              <a:defRPr sz="1300"/>
            </a:lvl2pPr>
            <a:lvl3pPr>
              <a:defRPr sz="1200"/>
            </a:lvl3pPr>
            <a:lvl4pPr>
              <a:defRPr sz="1000"/>
            </a:lvl4pPr>
            <a:lvl5pPr>
              <a:defRPr sz="1000"/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678137251"/>
      </p:ext>
    </p:extLst>
  </p:cSld>
  <p:clrMapOvr>
    <a:masterClrMapping/>
  </p:clrMapOvr>
  <p:transition/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</p:spPr>
        <p:txBody>
          <a:bodyPr/>
          <a:lstStyle>
            <a:lvl1pPr marL="0" indent="0">
              <a:buNone/>
              <a:defRPr sz="1500"/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>
              <a:sym typeface="Bradley Hand ITC TT-Bold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746976960"/>
      </p:ext>
    </p:extLst>
  </p:cSld>
  <p:clrMapOvr>
    <a:masterClrMapping/>
  </p:clrMapOvr>
  <p:transition/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433598536"/>
      </p:ext>
    </p:extLst>
  </p:cSld>
  <p:clrMapOvr>
    <a:masterClrMapping/>
  </p:clrMapOvr>
  <p:transition/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499231" y="304800"/>
            <a:ext cx="1920875" cy="46736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36604" y="304800"/>
            <a:ext cx="5686425" cy="467360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973264941"/>
      </p:ext>
    </p:extLst>
  </p:cSld>
  <p:clrMapOvr>
    <a:masterClrMapping/>
  </p:clrMapOvr>
  <p:transition/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</p:spPr>
        <p:txBody>
          <a:bodyPr/>
          <a:lstStyle>
            <a:lvl1pPr marL="0" indent="0" algn="ctr">
              <a:buNone/>
              <a:defRPr/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377438624"/>
      </p:ext>
    </p:extLst>
  </p:cSld>
  <p:clrMapOvr>
    <a:masterClrMapping/>
  </p:clrMapOvr>
  <p:transition/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671004370"/>
      </p:ext>
    </p:extLst>
  </p:cSld>
  <p:clrMapOvr>
    <a:masterClrMapping/>
  </p:clrMapOvr>
  <p:transition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</p:spPr>
        <p:txBody>
          <a:bodyPr/>
          <a:lstStyle>
            <a:lvl1pPr>
              <a:defRPr sz="1500"/>
            </a:lvl1pPr>
            <a:lvl2pPr>
              <a:defRPr sz="1300"/>
            </a:lvl2pPr>
            <a:lvl3pPr>
              <a:defRPr sz="1200"/>
            </a:lvl3pPr>
            <a:lvl4pPr>
              <a:defRPr sz="1000"/>
            </a:lvl4pPr>
            <a:lvl5pPr>
              <a:defRPr sz="1000"/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84F663CD-9613-5645-955D-0856FBA5E6C3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76718207"/>
      </p:ext>
    </p:extLst>
  </p:cSld>
  <p:clrMapOvr>
    <a:masterClrMapping/>
  </p:clrMapOvr>
  <p:transition/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</p:spPr>
        <p:txBody>
          <a:bodyPr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</p:spPr>
        <p:txBody>
          <a:bodyPr anchor="b"/>
          <a:lstStyle>
            <a:lvl1pPr marL="0" indent="0">
              <a:buNone/>
              <a:defRPr sz="1000"/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244272940"/>
      </p:ext>
    </p:extLst>
  </p:cSld>
  <p:clrMapOvr>
    <a:masterClrMapping/>
  </p:clrMapOvr>
  <p:transition/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36600" y="1625600"/>
            <a:ext cx="3803650" cy="335280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16450" y="1625600"/>
            <a:ext cx="3803650" cy="335280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000048718"/>
      </p:ext>
    </p:extLst>
  </p:cSld>
  <p:clrMapOvr>
    <a:masterClrMapping/>
  </p:clrMapOvr>
  <p:transition/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629089720"/>
      </p:ext>
    </p:extLst>
  </p:cSld>
  <p:clrMapOvr>
    <a:masterClrMapping/>
  </p:clrMapOvr>
  <p:transition/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483723412"/>
      </p:ext>
    </p:extLst>
  </p:cSld>
  <p:clrMapOvr>
    <a:masterClrMapping/>
  </p:clrMapOvr>
  <p:transition/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58675312"/>
      </p:ext>
    </p:extLst>
  </p:cSld>
  <p:clrMapOvr>
    <a:masterClrMapping/>
  </p:clrMapOvr>
  <p:transition/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</p:spPr>
        <p:txBody>
          <a:bodyPr/>
          <a:lstStyle>
            <a:lvl1pPr>
              <a:defRPr sz="1500"/>
            </a:lvl1pPr>
            <a:lvl2pPr>
              <a:defRPr sz="1300"/>
            </a:lvl2pPr>
            <a:lvl3pPr>
              <a:defRPr sz="1200"/>
            </a:lvl3pPr>
            <a:lvl4pPr>
              <a:defRPr sz="1000"/>
            </a:lvl4pPr>
            <a:lvl5pPr>
              <a:defRPr sz="1000"/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832108623"/>
      </p:ext>
    </p:extLst>
  </p:cSld>
  <p:clrMapOvr>
    <a:masterClrMapping/>
  </p:clrMapOvr>
  <p:transition/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</p:spPr>
        <p:txBody>
          <a:bodyPr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</p:spPr>
        <p:txBody>
          <a:bodyPr/>
          <a:lstStyle>
            <a:lvl1pPr marL="0" indent="0">
              <a:buNone/>
              <a:defRPr sz="1500"/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>
              <a:sym typeface="Gill Sans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5520961"/>
      </p:ext>
    </p:extLst>
  </p:cSld>
  <p:clrMapOvr>
    <a:masterClrMapping/>
  </p:clrMapOvr>
  <p:transition/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593150559"/>
      </p:ext>
    </p:extLst>
  </p:cSld>
  <p:clrMapOvr>
    <a:masterClrMapping/>
  </p:clrMapOvr>
  <p:transition/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499231" y="304800"/>
            <a:ext cx="1920875" cy="46736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36604" y="304800"/>
            <a:ext cx="5686425" cy="467360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012075126"/>
      </p:ext>
    </p:extLst>
  </p:cSld>
  <p:clrMapOvr>
    <a:masterClrMapping/>
  </p:clrMapOvr>
  <p:transition/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775620"/>
            <a:ext cx="7772400" cy="1224756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238500"/>
            <a:ext cx="6400800" cy="1460500"/>
          </a:xfrm>
        </p:spPr>
        <p:txBody>
          <a:bodyPr/>
          <a:lstStyle>
            <a:lvl1pPr marL="0" indent="0" algn="ctr">
              <a:buNone/>
              <a:defRPr/>
            </a:lvl1pPr>
            <a:lvl2pPr marL="219776" indent="0" algn="ctr">
              <a:buNone/>
              <a:defRPr/>
            </a:lvl2pPr>
            <a:lvl3pPr marL="439552" indent="0" algn="ctr">
              <a:buNone/>
              <a:defRPr/>
            </a:lvl3pPr>
            <a:lvl4pPr marL="659328" indent="0" algn="ctr">
              <a:buNone/>
              <a:defRPr/>
            </a:lvl4pPr>
            <a:lvl5pPr marL="879104" indent="0" algn="ctr">
              <a:buNone/>
              <a:defRPr/>
            </a:lvl5pPr>
            <a:lvl6pPr marL="1098880" indent="0" algn="ctr">
              <a:buNone/>
              <a:defRPr/>
            </a:lvl6pPr>
            <a:lvl7pPr marL="1318656" indent="0" algn="ctr">
              <a:buNone/>
              <a:defRPr/>
            </a:lvl7pPr>
            <a:lvl8pPr marL="1538432" indent="0" algn="ctr">
              <a:buNone/>
              <a:defRPr/>
            </a:lvl8pPr>
            <a:lvl9pPr marL="1758208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2216451681"/>
      </p:ext>
    </p:extLst>
  </p:cSld>
  <p:clrMapOvr>
    <a:masterClrMapping/>
  </p:clrMapOvr>
  <p:transition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</p:spPr>
        <p:txBody>
          <a:bodyPr/>
          <a:lstStyle>
            <a:lvl1pPr marL="0" indent="0">
              <a:buNone/>
              <a:defRPr sz="1500"/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>
              <a:sym typeface="Bradley Hand ITC TT-Bold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 Box 2"/>
          <p:cNvSpPr txBox="1"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fld id="{E3D47258-FE30-8048-988E-BB93CE6D07EC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3984283"/>
      </p:ext>
    </p:extLst>
  </p:cSld>
  <p:clrMapOvr>
    <a:masterClrMapping/>
  </p:clrMapOvr>
  <p:transition/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316808634"/>
      </p:ext>
    </p:extLst>
  </p:cSld>
  <p:clrMapOvr>
    <a:masterClrMapping/>
  </p:clrMapOvr>
  <p:transition/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672684"/>
            <a:ext cx="7772400" cy="1135063"/>
          </a:xfrm>
          <a:prstGeom prst="rect">
            <a:avLst/>
          </a:prstGeom>
        </p:spPr>
        <p:txBody>
          <a:bodyPr vert="horz" lIns="43955" tIns="21978" rIns="43955" bIns="21978" anchor="t"/>
          <a:lstStyle>
            <a:lvl1pPr algn="l">
              <a:defRPr sz="19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422527"/>
            <a:ext cx="7772400" cy="1250157"/>
          </a:xfrm>
        </p:spPr>
        <p:txBody>
          <a:bodyPr anchor="b"/>
          <a:lstStyle>
            <a:lvl1pPr marL="0" indent="0">
              <a:buNone/>
              <a:defRPr sz="1000"/>
            </a:lvl1pPr>
            <a:lvl2pPr marL="219776" indent="0">
              <a:buNone/>
              <a:defRPr sz="900"/>
            </a:lvl2pPr>
            <a:lvl3pPr marL="439552" indent="0">
              <a:buNone/>
              <a:defRPr sz="800"/>
            </a:lvl3pPr>
            <a:lvl4pPr marL="659328" indent="0">
              <a:buNone/>
              <a:defRPr sz="700"/>
            </a:lvl4pPr>
            <a:lvl5pPr marL="879104" indent="0">
              <a:buNone/>
              <a:defRPr sz="700"/>
            </a:lvl5pPr>
            <a:lvl6pPr marL="1098880" indent="0">
              <a:buNone/>
              <a:defRPr sz="700"/>
            </a:lvl6pPr>
            <a:lvl7pPr marL="1318656" indent="0">
              <a:buNone/>
              <a:defRPr sz="700"/>
            </a:lvl7pPr>
            <a:lvl8pPr marL="1538432" indent="0">
              <a:buNone/>
              <a:defRPr sz="700"/>
            </a:lvl8pPr>
            <a:lvl9pPr marL="1758208" indent="0">
              <a:buNone/>
              <a:defRPr sz="7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946282149"/>
      </p:ext>
    </p:extLst>
  </p:cSld>
  <p:clrMapOvr>
    <a:masterClrMapping/>
  </p:clrMapOvr>
  <p:transition/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36600" y="1073151"/>
            <a:ext cx="3803650" cy="357505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16450" y="1073151"/>
            <a:ext cx="3803650" cy="3575050"/>
          </a:xfrm>
        </p:spPr>
        <p:txBody>
          <a:bodyPr/>
          <a:lstStyle>
            <a:lvl1pPr>
              <a:defRPr sz="1300"/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137343436"/>
      </p:ext>
    </p:extLst>
  </p:cSld>
  <p:clrMapOvr>
    <a:masterClrMapping/>
  </p:clrMapOvr>
  <p:transition/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79527"/>
            <a:ext cx="4040188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812133"/>
            <a:ext cx="4040188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279527"/>
            <a:ext cx="4041775" cy="532607"/>
          </a:xfrm>
        </p:spPr>
        <p:txBody>
          <a:bodyPr anchor="b"/>
          <a:lstStyle>
            <a:lvl1pPr marL="0" indent="0">
              <a:buNone/>
              <a:defRPr sz="1200" b="1"/>
            </a:lvl1pPr>
            <a:lvl2pPr marL="219776" indent="0">
              <a:buNone/>
              <a:defRPr sz="1000" b="1"/>
            </a:lvl2pPr>
            <a:lvl3pPr marL="439552" indent="0">
              <a:buNone/>
              <a:defRPr sz="900" b="1"/>
            </a:lvl3pPr>
            <a:lvl4pPr marL="659328" indent="0">
              <a:buNone/>
              <a:defRPr sz="800" b="1"/>
            </a:lvl4pPr>
            <a:lvl5pPr marL="879104" indent="0">
              <a:buNone/>
              <a:defRPr sz="800" b="1"/>
            </a:lvl5pPr>
            <a:lvl6pPr marL="1098880" indent="0">
              <a:buNone/>
              <a:defRPr sz="800" b="1"/>
            </a:lvl6pPr>
            <a:lvl7pPr marL="1318656" indent="0">
              <a:buNone/>
              <a:defRPr sz="800" b="1"/>
            </a:lvl7pPr>
            <a:lvl8pPr marL="1538432" indent="0">
              <a:buNone/>
              <a:defRPr sz="800" b="1"/>
            </a:lvl8pPr>
            <a:lvl9pPr marL="1758208" indent="0">
              <a:buNone/>
              <a:defRPr sz="8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1812133"/>
            <a:ext cx="4041775" cy="3293269"/>
          </a:xfrm>
        </p:spPr>
        <p:txBody>
          <a:bodyPr/>
          <a:lstStyle>
            <a:lvl1pPr>
              <a:defRPr sz="1200"/>
            </a:lvl1pPr>
            <a:lvl2pPr>
              <a:defRPr sz="1000"/>
            </a:lvl2pPr>
            <a:lvl3pPr>
              <a:defRPr sz="9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81980849"/>
      </p:ext>
    </p:extLst>
  </p:cSld>
  <p:clrMapOvr>
    <a:masterClrMapping/>
  </p:clrMapOvr>
  <p:transition/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268512495"/>
      </p:ext>
    </p:extLst>
  </p:cSld>
  <p:clrMapOvr>
    <a:masterClrMapping/>
  </p:clrMapOvr>
  <p:transition/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240445516"/>
      </p:ext>
    </p:extLst>
  </p:cSld>
  <p:clrMapOvr>
    <a:masterClrMapping/>
  </p:clrMapOvr>
  <p:transition/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4" y="227809"/>
            <a:ext cx="3008313" cy="968376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27809"/>
            <a:ext cx="5111750" cy="4877593"/>
          </a:xfrm>
        </p:spPr>
        <p:txBody>
          <a:bodyPr/>
          <a:lstStyle>
            <a:lvl1pPr>
              <a:defRPr sz="1500"/>
            </a:lvl1pPr>
            <a:lvl2pPr>
              <a:defRPr sz="1300"/>
            </a:lvl2pPr>
            <a:lvl3pPr>
              <a:defRPr sz="1200"/>
            </a:lvl3pPr>
            <a:lvl4pPr>
              <a:defRPr sz="1000"/>
            </a:lvl4pPr>
            <a:lvl5pPr>
              <a:defRPr sz="1000"/>
            </a:lvl5pPr>
            <a:lvl6pPr>
              <a:defRPr sz="1000"/>
            </a:lvl6pPr>
            <a:lvl7pPr>
              <a:defRPr sz="1000"/>
            </a:lvl7pPr>
            <a:lvl8pPr>
              <a:defRPr sz="1000"/>
            </a:lvl8pPr>
            <a:lvl9pPr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4" y="1196184"/>
            <a:ext cx="3008313" cy="39092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625250870"/>
      </p:ext>
    </p:extLst>
  </p:cSld>
  <p:clrMapOvr>
    <a:masterClrMapping/>
  </p:clrMapOvr>
  <p:transition/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000503"/>
            <a:ext cx="5486400" cy="472281"/>
          </a:xfrm>
          <a:prstGeom prst="rect">
            <a:avLst/>
          </a:prstGeom>
        </p:spPr>
        <p:txBody>
          <a:bodyPr vert="horz" lIns="43955" tIns="21978" rIns="43955" bIns="21978" anchor="b"/>
          <a:lstStyle>
            <a:lvl1pPr algn="l">
              <a:defRPr sz="1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510381"/>
            <a:ext cx="5486400" cy="3429000"/>
          </a:xfrm>
        </p:spPr>
        <p:txBody>
          <a:bodyPr/>
          <a:lstStyle>
            <a:lvl1pPr marL="0" indent="0">
              <a:buNone/>
              <a:defRPr sz="1500"/>
            </a:lvl1pPr>
            <a:lvl2pPr marL="219776" indent="0">
              <a:buNone/>
              <a:defRPr sz="1300"/>
            </a:lvl2pPr>
            <a:lvl3pPr marL="439552" indent="0">
              <a:buNone/>
              <a:defRPr sz="1200"/>
            </a:lvl3pPr>
            <a:lvl4pPr marL="659328" indent="0">
              <a:buNone/>
              <a:defRPr sz="1000"/>
            </a:lvl4pPr>
            <a:lvl5pPr marL="879104" indent="0">
              <a:buNone/>
              <a:defRPr sz="1000"/>
            </a:lvl5pPr>
            <a:lvl6pPr marL="1098880" indent="0">
              <a:buNone/>
              <a:defRPr sz="1000"/>
            </a:lvl6pPr>
            <a:lvl7pPr marL="1318656" indent="0">
              <a:buNone/>
              <a:defRPr sz="1000"/>
            </a:lvl7pPr>
            <a:lvl8pPr marL="1538432" indent="0">
              <a:buNone/>
              <a:defRPr sz="1000"/>
            </a:lvl8pPr>
            <a:lvl9pPr marL="1758208" indent="0">
              <a:buNone/>
              <a:defRPr sz="1000"/>
            </a:lvl9pPr>
          </a:lstStyle>
          <a:p>
            <a:pPr lvl="0"/>
            <a:endParaRPr lang="en-US" noProof="0">
              <a:sym typeface="Bradley Hand ITC TT-Bold" charset="0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472784"/>
            <a:ext cx="5486400" cy="670719"/>
          </a:xfrm>
        </p:spPr>
        <p:txBody>
          <a:bodyPr/>
          <a:lstStyle>
            <a:lvl1pPr marL="0" indent="0">
              <a:buNone/>
              <a:defRPr sz="700"/>
            </a:lvl1pPr>
            <a:lvl2pPr marL="219776" indent="0">
              <a:buNone/>
              <a:defRPr sz="600"/>
            </a:lvl2pPr>
            <a:lvl3pPr marL="439552" indent="0">
              <a:buNone/>
              <a:defRPr sz="500"/>
            </a:lvl3pPr>
            <a:lvl4pPr marL="659328" indent="0">
              <a:buNone/>
              <a:defRPr sz="400"/>
            </a:lvl4pPr>
            <a:lvl5pPr marL="879104" indent="0">
              <a:buNone/>
              <a:defRPr sz="400"/>
            </a:lvl5pPr>
            <a:lvl6pPr marL="1098880" indent="0">
              <a:buNone/>
              <a:defRPr sz="400"/>
            </a:lvl6pPr>
            <a:lvl7pPr marL="1318656" indent="0">
              <a:buNone/>
              <a:defRPr sz="400"/>
            </a:lvl7pPr>
            <a:lvl8pPr marL="1538432" indent="0">
              <a:buNone/>
              <a:defRPr sz="400"/>
            </a:lvl8pPr>
            <a:lvl9pPr marL="1758208" indent="0">
              <a:buNone/>
              <a:defRPr sz="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168132097"/>
      </p:ext>
    </p:extLst>
  </p:cSld>
  <p:clrMapOvr>
    <a:masterClrMapping/>
  </p:clrMapOvr>
  <p:transition/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28600"/>
            <a:ext cx="8229600" cy="952500"/>
          </a:xfrm>
          <a:prstGeom prst="rect">
            <a:avLst/>
          </a:prstGeom>
        </p:spPr>
        <p:txBody>
          <a:bodyPr vert="horz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903741940"/>
      </p:ext>
    </p:extLst>
  </p:cSld>
  <p:clrMapOvr>
    <a:masterClrMapping/>
  </p:clrMapOvr>
  <p:transition/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28600"/>
            <a:ext cx="2057400" cy="4419600"/>
          </a:xfrm>
          <a:prstGeom prst="rect">
            <a:avLst/>
          </a:prstGeom>
        </p:spPr>
        <p:txBody>
          <a:bodyPr vert="eaVert" lIns="43955" tIns="21978" rIns="43955" bIns="21978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28600"/>
            <a:ext cx="6096000" cy="441960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031397765"/>
      </p:ext>
    </p:extLst>
  </p:cSld>
  <p:clrMapOvr>
    <a:masterClrMapping/>
  </p:clrMapOvr>
  <p:transition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2.emf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10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07.xml"/><Relationship Id="rId3" Type="http://schemas.openxmlformats.org/officeDocument/2006/relationships/slideLayout" Target="../slideLayouts/slideLayout102.xml"/><Relationship Id="rId7" Type="http://schemas.openxmlformats.org/officeDocument/2006/relationships/slideLayout" Target="../slideLayouts/slideLayout106.xml"/><Relationship Id="rId12" Type="http://schemas.openxmlformats.org/officeDocument/2006/relationships/theme" Target="../theme/theme10.xml"/><Relationship Id="rId2" Type="http://schemas.openxmlformats.org/officeDocument/2006/relationships/slideLayout" Target="../slideLayouts/slideLayout101.xml"/><Relationship Id="rId1" Type="http://schemas.openxmlformats.org/officeDocument/2006/relationships/slideLayout" Target="../slideLayouts/slideLayout100.xml"/><Relationship Id="rId6" Type="http://schemas.openxmlformats.org/officeDocument/2006/relationships/slideLayout" Target="../slideLayouts/slideLayout105.xml"/><Relationship Id="rId11" Type="http://schemas.openxmlformats.org/officeDocument/2006/relationships/slideLayout" Target="../slideLayouts/slideLayout110.xml"/><Relationship Id="rId5" Type="http://schemas.openxmlformats.org/officeDocument/2006/relationships/slideLayout" Target="../slideLayouts/slideLayout104.xml"/><Relationship Id="rId10" Type="http://schemas.openxmlformats.org/officeDocument/2006/relationships/slideLayout" Target="../slideLayouts/slideLayout109.xml"/><Relationship Id="rId4" Type="http://schemas.openxmlformats.org/officeDocument/2006/relationships/slideLayout" Target="../slideLayouts/slideLayout103.xml"/><Relationship Id="rId9" Type="http://schemas.openxmlformats.org/officeDocument/2006/relationships/slideLayout" Target="../slideLayouts/slideLayout108.xml"/></Relationships>
</file>

<file path=ppt/slideMasters/_rels/slideMaster1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18.xml"/><Relationship Id="rId13" Type="http://schemas.openxmlformats.org/officeDocument/2006/relationships/image" Target="../media/image3.png"/><Relationship Id="rId3" Type="http://schemas.openxmlformats.org/officeDocument/2006/relationships/slideLayout" Target="../slideLayouts/slideLayout113.xml"/><Relationship Id="rId7" Type="http://schemas.openxmlformats.org/officeDocument/2006/relationships/slideLayout" Target="../slideLayouts/slideLayout117.xml"/><Relationship Id="rId12" Type="http://schemas.openxmlformats.org/officeDocument/2006/relationships/theme" Target="../theme/theme11.xml"/><Relationship Id="rId2" Type="http://schemas.openxmlformats.org/officeDocument/2006/relationships/slideLayout" Target="../slideLayouts/slideLayout112.xml"/><Relationship Id="rId1" Type="http://schemas.openxmlformats.org/officeDocument/2006/relationships/slideLayout" Target="../slideLayouts/slideLayout111.xml"/><Relationship Id="rId6" Type="http://schemas.openxmlformats.org/officeDocument/2006/relationships/slideLayout" Target="../slideLayouts/slideLayout116.xml"/><Relationship Id="rId11" Type="http://schemas.openxmlformats.org/officeDocument/2006/relationships/slideLayout" Target="../slideLayouts/slideLayout121.xml"/><Relationship Id="rId5" Type="http://schemas.openxmlformats.org/officeDocument/2006/relationships/slideLayout" Target="../slideLayouts/slideLayout115.xml"/><Relationship Id="rId10" Type="http://schemas.openxmlformats.org/officeDocument/2006/relationships/slideLayout" Target="../slideLayouts/slideLayout120.xml"/><Relationship Id="rId4" Type="http://schemas.openxmlformats.org/officeDocument/2006/relationships/slideLayout" Target="../slideLayouts/slideLayout114.xml"/><Relationship Id="rId9" Type="http://schemas.openxmlformats.org/officeDocument/2006/relationships/slideLayout" Target="../slideLayouts/slideLayout119.xml"/></Relationships>
</file>

<file path=ppt/slideMasters/_rels/slideMaster1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29.xml"/><Relationship Id="rId13" Type="http://schemas.openxmlformats.org/officeDocument/2006/relationships/image" Target="../media/image3.png"/><Relationship Id="rId3" Type="http://schemas.openxmlformats.org/officeDocument/2006/relationships/slideLayout" Target="../slideLayouts/slideLayout124.xml"/><Relationship Id="rId7" Type="http://schemas.openxmlformats.org/officeDocument/2006/relationships/slideLayout" Target="../slideLayouts/slideLayout128.xml"/><Relationship Id="rId12" Type="http://schemas.openxmlformats.org/officeDocument/2006/relationships/theme" Target="../theme/theme12.xml"/><Relationship Id="rId2" Type="http://schemas.openxmlformats.org/officeDocument/2006/relationships/slideLayout" Target="../slideLayouts/slideLayout123.xml"/><Relationship Id="rId1" Type="http://schemas.openxmlformats.org/officeDocument/2006/relationships/slideLayout" Target="../slideLayouts/slideLayout122.xml"/><Relationship Id="rId6" Type="http://schemas.openxmlformats.org/officeDocument/2006/relationships/slideLayout" Target="../slideLayouts/slideLayout127.xml"/><Relationship Id="rId11" Type="http://schemas.openxmlformats.org/officeDocument/2006/relationships/slideLayout" Target="../slideLayouts/slideLayout132.xml"/><Relationship Id="rId5" Type="http://schemas.openxmlformats.org/officeDocument/2006/relationships/slideLayout" Target="../slideLayouts/slideLayout126.xml"/><Relationship Id="rId10" Type="http://schemas.openxmlformats.org/officeDocument/2006/relationships/slideLayout" Target="../slideLayouts/slideLayout131.xml"/><Relationship Id="rId4" Type="http://schemas.openxmlformats.org/officeDocument/2006/relationships/slideLayout" Target="../slideLayouts/slideLayout125.xml"/><Relationship Id="rId9" Type="http://schemas.openxmlformats.org/officeDocument/2006/relationships/slideLayout" Target="../slideLayouts/slideLayout130.xml"/></Relationships>
</file>

<file path=ppt/slideMasters/_rels/slideMaster1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40.xml"/><Relationship Id="rId13" Type="http://schemas.openxmlformats.org/officeDocument/2006/relationships/image" Target="../media/image3.png"/><Relationship Id="rId3" Type="http://schemas.openxmlformats.org/officeDocument/2006/relationships/slideLayout" Target="../slideLayouts/slideLayout135.xml"/><Relationship Id="rId7" Type="http://schemas.openxmlformats.org/officeDocument/2006/relationships/slideLayout" Target="../slideLayouts/slideLayout139.xml"/><Relationship Id="rId12" Type="http://schemas.openxmlformats.org/officeDocument/2006/relationships/theme" Target="../theme/theme13.xml"/><Relationship Id="rId2" Type="http://schemas.openxmlformats.org/officeDocument/2006/relationships/slideLayout" Target="../slideLayouts/slideLayout134.xml"/><Relationship Id="rId1" Type="http://schemas.openxmlformats.org/officeDocument/2006/relationships/slideLayout" Target="../slideLayouts/slideLayout133.xml"/><Relationship Id="rId6" Type="http://schemas.openxmlformats.org/officeDocument/2006/relationships/slideLayout" Target="../slideLayouts/slideLayout138.xml"/><Relationship Id="rId11" Type="http://schemas.openxmlformats.org/officeDocument/2006/relationships/slideLayout" Target="../slideLayouts/slideLayout143.xml"/><Relationship Id="rId5" Type="http://schemas.openxmlformats.org/officeDocument/2006/relationships/slideLayout" Target="../slideLayouts/slideLayout137.xml"/><Relationship Id="rId10" Type="http://schemas.openxmlformats.org/officeDocument/2006/relationships/slideLayout" Target="../slideLayouts/slideLayout142.xml"/><Relationship Id="rId4" Type="http://schemas.openxmlformats.org/officeDocument/2006/relationships/slideLayout" Target="../slideLayouts/slideLayout136.xml"/><Relationship Id="rId9" Type="http://schemas.openxmlformats.org/officeDocument/2006/relationships/slideLayout" Target="../slideLayouts/slideLayout141.xml"/></Relationships>
</file>

<file path=ppt/slideMasters/_rels/slideMaster1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51.xml"/><Relationship Id="rId3" Type="http://schemas.openxmlformats.org/officeDocument/2006/relationships/slideLayout" Target="../slideLayouts/slideLayout146.xml"/><Relationship Id="rId7" Type="http://schemas.openxmlformats.org/officeDocument/2006/relationships/slideLayout" Target="../slideLayouts/slideLayout150.xml"/><Relationship Id="rId12" Type="http://schemas.openxmlformats.org/officeDocument/2006/relationships/theme" Target="../theme/theme14.xml"/><Relationship Id="rId2" Type="http://schemas.openxmlformats.org/officeDocument/2006/relationships/slideLayout" Target="../slideLayouts/slideLayout145.xml"/><Relationship Id="rId1" Type="http://schemas.openxmlformats.org/officeDocument/2006/relationships/slideLayout" Target="../slideLayouts/slideLayout144.xml"/><Relationship Id="rId6" Type="http://schemas.openxmlformats.org/officeDocument/2006/relationships/slideLayout" Target="../slideLayouts/slideLayout149.xml"/><Relationship Id="rId11" Type="http://schemas.openxmlformats.org/officeDocument/2006/relationships/slideLayout" Target="../slideLayouts/slideLayout154.xml"/><Relationship Id="rId5" Type="http://schemas.openxmlformats.org/officeDocument/2006/relationships/slideLayout" Target="../slideLayouts/slideLayout148.xml"/><Relationship Id="rId10" Type="http://schemas.openxmlformats.org/officeDocument/2006/relationships/slideLayout" Target="../slideLayouts/slideLayout153.xml"/><Relationship Id="rId4" Type="http://schemas.openxmlformats.org/officeDocument/2006/relationships/slideLayout" Target="../slideLayouts/slideLayout147.xml"/><Relationship Id="rId9" Type="http://schemas.openxmlformats.org/officeDocument/2006/relationships/slideLayout" Target="../slideLayouts/slideLayout152.xml"/></Relationships>
</file>

<file path=ppt/slideMasters/_rels/slideMaster1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62.xml"/><Relationship Id="rId13" Type="http://schemas.openxmlformats.org/officeDocument/2006/relationships/image" Target="../media/image3.png"/><Relationship Id="rId3" Type="http://schemas.openxmlformats.org/officeDocument/2006/relationships/slideLayout" Target="../slideLayouts/slideLayout157.xml"/><Relationship Id="rId7" Type="http://schemas.openxmlformats.org/officeDocument/2006/relationships/slideLayout" Target="../slideLayouts/slideLayout161.xml"/><Relationship Id="rId12" Type="http://schemas.openxmlformats.org/officeDocument/2006/relationships/theme" Target="../theme/theme15.xml"/><Relationship Id="rId2" Type="http://schemas.openxmlformats.org/officeDocument/2006/relationships/slideLayout" Target="../slideLayouts/slideLayout156.xml"/><Relationship Id="rId1" Type="http://schemas.openxmlformats.org/officeDocument/2006/relationships/slideLayout" Target="../slideLayouts/slideLayout155.xml"/><Relationship Id="rId6" Type="http://schemas.openxmlformats.org/officeDocument/2006/relationships/slideLayout" Target="../slideLayouts/slideLayout160.xml"/><Relationship Id="rId11" Type="http://schemas.openxmlformats.org/officeDocument/2006/relationships/slideLayout" Target="../slideLayouts/slideLayout165.xml"/><Relationship Id="rId5" Type="http://schemas.openxmlformats.org/officeDocument/2006/relationships/slideLayout" Target="../slideLayouts/slideLayout159.xml"/><Relationship Id="rId10" Type="http://schemas.openxmlformats.org/officeDocument/2006/relationships/slideLayout" Target="../slideLayouts/slideLayout164.xml"/><Relationship Id="rId4" Type="http://schemas.openxmlformats.org/officeDocument/2006/relationships/slideLayout" Target="../slideLayouts/slideLayout158.xml"/><Relationship Id="rId9" Type="http://schemas.openxmlformats.org/officeDocument/2006/relationships/slideLayout" Target="../slideLayouts/slideLayout163.xml"/></Relationships>
</file>

<file path=ppt/slideMasters/_rels/slideMaster1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73.xml"/><Relationship Id="rId13" Type="http://schemas.openxmlformats.org/officeDocument/2006/relationships/image" Target="../media/image3.png"/><Relationship Id="rId3" Type="http://schemas.openxmlformats.org/officeDocument/2006/relationships/slideLayout" Target="../slideLayouts/slideLayout168.xml"/><Relationship Id="rId7" Type="http://schemas.openxmlformats.org/officeDocument/2006/relationships/slideLayout" Target="../slideLayouts/slideLayout172.xml"/><Relationship Id="rId12" Type="http://schemas.openxmlformats.org/officeDocument/2006/relationships/theme" Target="../theme/theme16.xml"/><Relationship Id="rId2" Type="http://schemas.openxmlformats.org/officeDocument/2006/relationships/slideLayout" Target="../slideLayouts/slideLayout167.xml"/><Relationship Id="rId1" Type="http://schemas.openxmlformats.org/officeDocument/2006/relationships/slideLayout" Target="../slideLayouts/slideLayout166.xml"/><Relationship Id="rId6" Type="http://schemas.openxmlformats.org/officeDocument/2006/relationships/slideLayout" Target="../slideLayouts/slideLayout171.xml"/><Relationship Id="rId11" Type="http://schemas.openxmlformats.org/officeDocument/2006/relationships/slideLayout" Target="../slideLayouts/slideLayout176.xml"/><Relationship Id="rId5" Type="http://schemas.openxmlformats.org/officeDocument/2006/relationships/slideLayout" Target="../slideLayouts/slideLayout170.xml"/><Relationship Id="rId10" Type="http://schemas.openxmlformats.org/officeDocument/2006/relationships/slideLayout" Target="../slideLayouts/slideLayout175.xml"/><Relationship Id="rId4" Type="http://schemas.openxmlformats.org/officeDocument/2006/relationships/slideLayout" Target="../slideLayouts/slideLayout169.xml"/><Relationship Id="rId9" Type="http://schemas.openxmlformats.org/officeDocument/2006/relationships/slideLayout" Target="../slideLayouts/slideLayout174.xml"/></Relationships>
</file>

<file path=ppt/slideMasters/_rels/slideMaster1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84.xml"/><Relationship Id="rId13" Type="http://schemas.openxmlformats.org/officeDocument/2006/relationships/image" Target="../media/image3.png"/><Relationship Id="rId3" Type="http://schemas.openxmlformats.org/officeDocument/2006/relationships/slideLayout" Target="../slideLayouts/slideLayout179.xml"/><Relationship Id="rId7" Type="http://schemas.openxmlformats.org/officeDocument/2006/relationships/slideLayout" Target="../slideLayouts/slideLayout183.xml"/><Relationship Id="rId12" Type="http://schemas.openxmlformats.org/officeDocument/2006/relationships/theme" Target="../theme/theme17.xml"/><Relationship Id="rId2" Type="http://schemas.openxmlformats.org/officeDocument/2006/relationships/slideLayout" Target="../slideLayouts/slideLayout178.xml"/><Relationship Id="rId1" Type="http://schemas.openxmlformats.org/officeDocument/2006/relationships/slideLayout" Target="../slideLayouts/slideLayout177.xml"/><Relationship Id="rId6" Type="http://schemas.openxmlformats.org/officeDocument/2006/relationships/slideLayout" Target="../slideLayouts/slideLayout182.xml"/><Relationship Id="rId11" Type="http://schemas.openxmlformats.org/officeDocument/2006/relationships/slideLayout" Target="../slideLayouts/slideLayout187.xml"/><Relationship Id="rId5" Type="http://schemas.openxmlformats.org/officeDocument/2006/relationships/slideLayout" Target="../slideLayouts/slideLayout181.xml"/><Relationship Id="rId10" Type="http://schemas.openxmlformats.org/officeDocument/2006/relationships/slideLayout" Target="../slideLayouts/slideLayout186.xml"/><Relationship Id="rId4" Type="http://schemas.openxmlformats.org/officeDocument/2006/relationships/slideLayout" Target="../slideLayouts/slideLayout180.xml"/><Relationship Id="rId9" Type="http://schemas.openxmlformats.org/officeDocument/2006/relationships/slideLayout" Target="../slideLayouts/slideLayout185.xml"/></Relationships>
</file>

<file path=ppt/slideMasters/_rels/slideMaster1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5.xml"/><Relationship Id="rId13" Type="http://schemas.openxmlformats.org/officeDocument/2006/relationships/image" Target="../media/image3.png"/><Relationship Id="rId3" Type="http://schemas.openxmlformats.org/officeDocument/2006/relationships/slideLayout" Target="../slideLayouts/slideLayout190.xml"/><Relationship Id="rId7" Type="http://schemas.openxmlformats.org/officeDocument/2006/relationships/slideLayout" Target="../slideLayouts/slideLayout194.xml"/><Relationship Id="rId12" Type="http://schemas.openxmlformats.org/officeDocument/2006/relationships/theme" Target="../theme/theme18.xml"/><Relationship Id="rId2" Type="http://schemas.openxmlformats.org/officeDocument/2006/relationships/slideLayout" Target="../slideLayouts/slideLayout189.xml"/><Relationship Id="rId1" Type="http://schemas.openxmlformats.org/officeDocument/2006/relationships/slideLayout" Target="../slideLayouts/slideLayout188.xml"/><Relationship Id="rId6" Type="http://schemas.openxmlformats.org/officeDocument/2006/relationships/slideLayout" Target="../slideLayouts/slideLayout193.xml"/><Relationship Id="rId11" Type="http://schemas.openxmlformats.org/officeDocument/2006/relationships/slideLayout" Target="../slideLayouts/slideLayout198.xml"/><Relationship Id="rId5" Type="http://schemas.openxmlformats.org/officeDocument/2006/relationships/slideLayout" Target="../slideLayouts/slideLayout192.xml"/><Relationship Id="rId10" Type="http://schemas.openxmlformats.org/officeDocument/2006/relationships/slideLayout" Target="../slideLayouts/slideLayout197.xml"/><Relationship Id="rId4" Type="http://schemas.openxmlformats.org/officeDocument/2006/relationships/slideLayout" Target="../slideLayouts/slideLayout191.xml"/><Relationship Id="rId9" Type="http://schemas.openxmlformats.org/officeDocument/2006/relationships/slideLayout" Target="../slideLayouts/slideLayout196.xml"/></Relationships>
</file>

<file path=ppt/slideMasters/_rels/slideMaster1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6.xml"/><Relationship Id="rId13" Type="http://schemas.openxmlformats.org/officeDocument/2006/relationships/image" Target="../media/image3.png"/><Relationship Id="rId3" Type="http://schemas.openxmlformats.org/officeDocument/2006/relationships/slideLayout" Target="../slideLayouts/slideLayout201.xml"/><Relationship Id="rId7" Type="http://schemas.openxmlformats.org/officeDocument/2006/relationships/slideLayout" Target="../slideLayouts/slideLayout205.xml"/><Relationship Id="rId12" Type="http://schemas.openxmlformats.org/officeDocument/2006/relationships/theme" Target="../theme/theme19.xml"/><Relationship Id="rId2" Type="http://schemas.openxmlformats.org/officeDocument/2006/relationships/slideLayout" Target="../slideLayouts/slideLayout200.xml"/><Relationship Id="rId1" Type="http://schemas.openxmlformats.org/officeDocument/2006/relationships/slideLayout" Target="../slideLayouts/slideLayout199.xml"/><Relationship Id="rId6" Type="http://schemas.openxmlformats.org/officeDocument/2006/relationships/slideLayout" Target="../slideLayouts/slideLayout204.xml"/><Relationship Id="rId11" Type="http://schemas.openxmlformats.org/officeDocument/2006/relationships/slideLayout" Target="../slideLayouts/slideLayout209.xml"/><Relationship Id="rId5" Type="http://schemas.openxmlformats.org/officeDocument/2006/relationships/slideLayout" Target="../slideLayouts/slideLayout203.xml"/><Relationship Id="rId10" Type="http://schemas.openxmlformats.org/officeDocument/2006/relationships/slideLayout" Target="../slideLayouts/slideLayout208.xml"/><Relationship Id="rId4" Type="http://schemas.openxmlformats.org/officeDocument/2006/relationships/slideLayout" Target="../slideLayouts/slideLayout202.xml"/><Relationship Id="rId9" Type="http://schemas.openxmlformats.org/officeDocument/2006/relationships/slideLayout" Target="../slideLayouts/slideLayout207.xml"/><Relationship Id="rId14" Type="http://schemas.openxmlformats.org/officeDocument/2006/relationships/image" Target="../media/image4.pn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_rels/slideMaster20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7.xml"/><Relationship Id="rId13" Type="http://schemas.openxmlformats.org/officeDocument/2006/relationships/image" Target="../media/image3.png"/><Relationship Id="rId3" Type="http://schemas.openxmlformats.org/officeDocument/2006/relationships/slideLayout" Target="../slideLayouts/slideLayout212.xml"/><Relationship Id="rId7" Type="http://schemas.openxmlformats.org/officeDocument/2006/relationships/slideLayout" Target="../slideLayouts/slideLayout216.xml"/><Relationship Id="rId12" Type="http://schemas.openxmlformats.org/officeDocument/2006/relationships/theme" Target="../theme/theme20.xml"/><Relationship Id="rId2" Type="http://schemas.openxmlformats.org/officeDocument/2006/relationships/slideLayout" Target="../slideLayouts/slideLayout211.xml"/><Relationship Id="rId1" Type="http://schemas.openxmlformats.org/officeDocument/2006/relationships/slideLayout" Target="../slideLayouts/slideLayout210.xml"/><Relationship Id="rId6" Type="http://schemas.openxmlformats.org/officeDocument/2006/relationships/slideLayout" Target="../slideLayouts/slideLayout215.xml"/><Relationship Id="rId11" Type="http://schemas.openxmlformats.org/officeDocument/2006/relationships/slideLayout" Target="../slideLayouts/slideLayout220.xml"/><Relationship Id="rId5" Type="http://schemas.openxmlformats.org/officeDocument/2006/relationships/slideLayout" Target="../slideLayouts/slideLayout214.xml"/><Relationship Id="rId10" Type="http://schemas.openxmlformats.org/officeDocument/2006/relationships/slideLayout" Target="../slideLayouts/slideLayout219.xml"/><Relationship Id="rId4" Type="http://schemas.openxmlformats.org/officeDocument/2006/relationships/slideLayout" Target="../slideLayouts/slideLayout213.xml"/><Relationship Id="rId9" Type="http://schemas.openxmlformats.org/officeDocument/2006/relationships/slideLayout" Target="../slideLayouts/slideLayout218.xml"/></Relationships>
</file>

<file path=ppt/slideMasters/_rels/slideMaster2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28.xml"/><Relationship Id="rId13" Type="http://schemas.openxmlformats.org/officeDocument/2006/relationships/image" Target="../media/image3.png"/><Relationship Id="rId3" Type="http://schemas.openxmlformats.org/officeDocument/2006/relationships/slideLayout" Target="../slideLayouts/slideLayout223.xml"/><Relationship Id="rId7" Type="http://schemas.openxmlformats.org/officeDocument/2006/relationships/slideLayout" Target="../slideLayouts/slideLayout227.xml"/><Relationship Id="rId12" Type="http://schemas.openxmlformats.org/officeDocument/2006/relationships/theme" Target="../theme/theme21.xml"/><Relationship Id="rId2" Type="http://schemas.openxmlformats.org/officeDocument/2006/relationships/slideLayout" Target="../slideLayouts/slideLayout222.xml"/><Relationship Id="rId1" Type="http://schemas.openxmlformats.org/officeDocument/2006/relationships/slideLayout" Target="../slideLayouts/slideLayout221.xml"/><Relationship Id="rId6" Type="http://schemas.openxmlformats.org/officeDocument/2006/relationships/slideLayout" Target="../slideLayouts/slideLayout226.xml"/><Relationship Id="rId11" Type="http://schemas.openxmlformats.org/officeDocument/2006/relationships/slideLayout" Target="../slideLayouts/slideLayout231.xml"/><Relationship Id="rId5" Type="http://schemas.openxmlformats.org/officeDocument/2006/relationships/slideLayout" Target="../slideLayouts/slideLayout225.xml"/><Relationship Id="rId10" Type="http://schemas.openxmlformats.org/officeDocument/2006/relationships/slideLayout" Target="../slideLayouts/slideLayout230.xml"/><Relationship Id="rId4" Type="http://schemas.openxmlformats.org/officeDocument/2006/relationships/slideLayout" Target="../slideLayouts/slideLayout224.xml"/><Relationship Id="rId9" Type="http://schemas.openxmlformats.org/officeDocument/2006/relationships/slideLayout" Target="../slideLayouts/slideLayout229.xml"/><Relationship Id="rId14" Type="http://schemas.openxmlformats.org/officeDocument/2006/relationships/image" Target="../media/image4.png"/></Relationships>
</file>

<file path=ppt/slideMasters/_rels/slideMaster2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39.xml"/><Relationship Id="rId3" Type="http://schemas.openxmlformats.org/officeDocument/2006/relationships/slideLayout" Target="../slideLayouts/slideLayout234.xml"/><Relationship Id="rId7" Type="http://schemas.openxmlformats.org/officeDocument/2006/relationships/slideLayout" Target="../slideLayouts/slideLayout238.xml"/><Relationship Id="rId12" Type="http://schemas.openxmlformats.org/officeDocument/2006/relationships/theme" Target="../theme/theme22.xml"/><Relationship Id="rId2" Type="http://schemas.openxmlformats.org/officeDocument/2006/relationships/slideLayout" Target="../slideLayouts/slideLayout233.xml"/><Relationship Id="rId1" Type="http://schemas.openxmlformats.org/officeDocument/2006/relationships/slideLayout" Target="../slideLayouts/slideLayout232.xml"/><Relationship Id="rId6" Type="http://schemas.openxmlformats.org/officeDocument/2006/relationships/slideLayout" Target="../slideLayouts/slideLayout237.xml"/><Relationship Id="rId11" Type="http://schemas.openxmlformats.org/officeDocument/2006/relationships/slideLayout" Target="../slideLayouts/slideLayout242.xml"/><Relationship Id="rId5" Type="http://schemas.openxmlformats.org/officeDocument/2006/relationships/slideLayout" Target="../slideLayouts/slideLayout236.xml"/><Relationship Id="rId10" Type="http://schemas.openxmlformats.org/officeDocument/2006/relationships/slideLayout" Target="../slideLayouts/slideLayout241.xml"/><Relationship Id="rId4" Type="http://schemas.openxmlformats.org/officeDocument/2006/relationships/slideLayout" Target="../slideLayouts/slideLayout235.xml"/><Relationship Id="rId9" Type="http://schemas.openxmlformats.org/officeDocument/2006/relationships/slideLayout" Target="../slideLayouts/slideLayout240.xml"/></Relationships>
</file>

<file path=ppt/slideMasters/_rels/slideMaster2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50.xml"/><Relationship Id="rId13" Type="http://schemas.openxmlformats.org/officeDocument/2006/relationships/image" Target="../media/image3.png"/><Relationship Id="rId3" Type="http://schemas.openxmlformats.org/officeDocument/2006/relationships/slideLayout" Target="../slideLayouts/slideLayout245.xml"/><Relationship Id="rId7" Type="http://schemas.openxmlformats.org/officeDocument/2006/relationships/slideLayout" Target="../slideLayouts/slideLayout249.xml"/><Relationship Id="rId12" Type="http://schemas.openxmlformats.org/officeDocument/2006/relationships/theme" Target="../theme/theme23.xml"/><Relationship Id="rId2" Type="http://schemas.openxmlformats.org/officeDocument/2006/relationships/slideLayout" Target="../slideLayouts/slideLayout244.xml"/><Relationship Id="rId1" Type="http://schemas.openxmlformats.org/officeDocument/2006/relationships/slideLayout" Target="../slideLayouts/slideLayout243.xml"/><Relationship Id="rId6" Type="http://schemas.openxmlformats.org/officeDocument/2006/relationships/slideLayout" Target="../slideLayouts/slideLayout248.xml"/><Relationship Id="rId11" Type="http://schemas.openxmlformats.org/officeDocument/2006/relationships/slideLayout" Target="../slideLayouts/slideLayout253.xml"/><Relationship Id="rId5" Type="http://schemas.openxmlformats.org/officeDocument/2006/relationships/slideLayout" Target="../slideLayouts/slideLayout247.xml"/><Relationship Id="rId10" Type="http://schemas.openxmlformats.org/officeDocument/2006/relationships/slideLayout" Target="../slideLayouts/slideLayout252.xml"/><Relationship Id="rId4" Type="http://schemas.openxmlformats.org/officeDocument/2006/relationships/slideLayout" Target="../slideLayouts/slideLayout246.xml"/><Relationship Id="rId9" Type="http://schemas.openxmlformats.org/officeDocument/2006/relationships/slideLayout" Target="../slideLayouts/slideLayout251.xml"/><Relationship Id="rId14" Type="http://schemas.openxmlformats.org/officeDocument/2006/relationships/image" Target="../media/image4.png"/></Relationships>
</file>

<file path=ppt/slideMasters/_rels/slideMaster2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61.xml"/><Relationship Id="rId3" Type="http://schemas.openxmlformats.org/officeDocument/2006/relationships/slideLayout" Target="../slideLayouts/slideLayout256.xml"/><Relationship Id="rId7" Type="http://schemas.openxmlformats.org/officeDocument/2006/relationships/slideLayout" Target="../slideLayouts/slideLayout260.xml"/><Relationship Id="rId12" Type="http://schemas.openxmlformats.org/officeDocument/2006/relationships/theme" Target="../theme/theme24.xml"/><Relationship Id="rId2" Type="http://schemas.openxmlformats.org/officeDocument/2006/relationships/slideLayout" Target="../slideLayouts/slideLayout255.xml"/><Relationship Id="rId1" Type="http://schemas.openxmlformats.org/officeDocument/2006/relationships/slideLayout" Target="../slideLayouts/slideLayout254.xml"/><Relationship Id="rId6" Type="http://schemas.openxmlformats.org/officeDocument/2006/relationships/slideLayout" Target="../slideLayouts/slideLayout259.xml"/><Relationship Id="rId11" Type="http://schemas.openxmlformats.org/officeDocument/2006/relationships/slideLayout" Target="../slideLayouts/slideLayout264.xml"/><Relationship Id="rId5" Type="http://schemas.openxmlformats.org/officeDocument/2006/relationships/slideLayout" Target="../slideLayouts/slideLayout258.xml"/><Relationship Id="rId10" Type="http://schemas.openxmlformats.org/officeDocument/2006/relationships/slideLayout" Target="../slideLayouts/slideLayout263.xml"/><Relationship Id="rId4" Type="http://schemas.openxmlformats.org/officeDocument/2006/relationships/slideLayout" Target="../slideLayouts/slideLayout257.xml"/><Relationship Id="rId9" Type="http://schemas.openxmlformats.org/officeDocument/2006/relationships/slideLayout" Target="../slideLayouts/slideLayout262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13" Type="http://schemas.openxmlformats.org/officeDocument/2006/relationships/image" Target="../media/image3.png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1.xml"/><Relationship Id="rId13" Type="http://schemas.openxmlformats.org/officeDocument/2006/relationships/image" Target="../media/image3.png"/><Relationship Id="rId3" Type="http://schemas.openxmlformats.org/officeDocument/2006/relationships/slideLayout" Target="../slideLayouts/slideLayout36.xml"/><Relationship Id="rId7" Type="http://schemas.openxmlformats.org/officeDocument/2006/relationships/slideLayout" Target="../slideLayouts/slideLayout40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35.xml"/><Relationship Id="rId1" Type="http://schemas.openxmlformats.org/officeDocument/2006/relationships/slideLayout" Target="../slideLayouts/slideLayout34.xml"/><Relationship Id="rId6" Type="http://schemas.openxmlformats.org/officeDocument/2006/relationships/slideLayout" Target="../slideLayouts/slideLayout39.xml"/><Relationship Id="rId11" Type="http://schemas.openxmlformats.org/officeDocument/2006/relationships/slideLayout" Target="../slideLayouts/slideLayout44.xml"/><Relationship Id="rId5" Type="http://schemas.openxmlformats.org/officeDocument/2006/relationships/slideLayout" Target="../slideLayouts/slideLayout38.xml"/><Relationship Id="rId15" Type="http://schemas.openxmlformats.org/officeDocument/2006/relationships/image" Target="../media/image5.png"/><Relationship Id="rId10" Type="http://schemas.openxmlformats.org/officeDocument/2006/relationships/slideLayout" Target="../slideLayouts/slideLayout43.xml"/><Relationship Id="rId4" Type="http://schemas.openxmlformats.org/officeDocument/2006/relationships/slideLayout" Target="../slideLayouts/slideLayout37.xml"/><Relationship Id="rId9" Type="http://schemas.openxmlformats.org/officeDocument/2006/relationships/slideLayout" Target="../slideLayouts/slideLayout42.xml"/><Relationship Id="rId14" Type="http://schemas.openxmlformats.org/officeDocument/2006/relationships/image" Target="../media/image4.png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2.xml"/><Relationship Id="rId13" Type="http://schemas.openxmlformats.org/officeDocument/2006/relationships/image" Target="../media/image3.png"/><Relationship Id="rId3" Type="http://schemas.openxmlformats.org/officeDocument/2006/relationships/slideLayout" Target="../slideLayouts/slideLayout47.xml"/><Relationship Id="rId7" Type="http://schemas.openxmlformats.org/officeDocument/2006/relationships/slideLayout" Target="../slideLayouts/slideLayout51.xml"/><Relationship Id="rId12" Type="http://schemas.openxmlformats.org/officeDocument/2006/relationships/theme" Target="../theme/theme5.xml"/><Relationship Id="rId2" Type="http://schemas.openxmlformats.org/officeDocument/2006/relationships/slideLayout" Target="../slideLayouts/slideLayout46.xml"/><Relationship Id="rId1" Type="http://schemas.openxmlformats.org/officeDocument/2006/relationships/slideLayout" Target="../slideLayouts/slideLayout45.xml"/><Relationship Id="rId6" Type="http://schemas.openxmlformats.org/officeDocument/2006/relationships/slideLayout" Target="../slideLayouts/slideLayout50.xml"/><Relationship Id="rId11" Type="http://schemas.openxmlformats.org/officeDocument/2006/relationships/slideLayout" Target="../slideLayouts/slideLayout55.xml"/><Relationship Id="rId5" Type="http://schemas.openxmlformats.org/officeDocument/2006/relationships/slideLayout" Target="../slideLayouts/slideLayout49.xml"/><Relationship Id="rId10" Type="http://schemas.openxmlformats.org/officeDocument/2006/relationships/slideLayout" Target="../slideLayouts/slideLayout54.xml"/><Relationship Id="rId4" Type="http://schemas.openxmlformats.org/officeDocument/2006/relationships/slideLayout" Target="../slideLayouts/slideLayout48.xml"/><Relationship Id="rId9" Type="http://schemas.openxmlformats.org/officeDocument/2006/relationships/slideLayout" Target="../slideLayouts/slideLayout53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3.xml"/><Relationship Id="rId3" Type="http://schemas.openxmlformats.org/officeDocument/2006/relationships/slideLayout" Target="../slideLayouts/slideLayout58.xml"/><Relationship Id="rId7" Type="http://schemas.openxmlformats.org/officeDocument/2006/relationships/slideLayout" Target="../slideLayouts/slideLayout62.xml"/><Relationship Id="rId12" Type="http://schemas.openxmlformats.org/officeDocument/2006/relationships/theme" Target="../theme/theme6.xml"/><Relationship Id="rId2" Type="http://schemas.openxmlformats.org/officeDocument/2006/relationships/slideLayout" Target="../slideLayouts/slideLayout57.xml"/><Relationship Id="rId1" Type="http://schemas.openxmlformats.org/officeDocument/2006/relationships/slideLayout" Target="../slideLayouts/slideLayout56.xml"/><Relationship Id="rId6" Type="http://schemas.openxmlformats.org/officeDocument/2006/relationships/slideLayout" Target="../slideLayouts/slideLayout61.xml"/><Relationship Id="rId11" Type="http://schemas.openxmlformats.org/officeDocument/2006/relationships/slideLayout" Target="../slideLayouts/slideLayout66.xml"/><Relationship Id="rId5" Type="http://schemas.openxmlformats.org/officeDocument/2006/relationships/slideLayout" Target="../slideLayouts/slideLayout60.xml"/><Relationship Id="rId10" Type="http://schemas.openxmlformats.org/officeDocument/2006/relationships/slideLayout" Target="../slideLayouts/slideLayout65.xml"/><Relationship Id="rId4" Type="http://schemas.openxmlformats.org/officeDocument/2006/relationships/slideLayout" Target="../slideLayouts/slideLayout59.xml"/><Relationship Id="rId9" Type="http://schemas.openxmlformats.org/officeDocument/2006/relationships/slideLayout" Target="../slideLayouts/slideLayout64.xml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4.xml"/><Relationship Id="rId13" Type="http://schemas.openxmlformats.org/officeDocument/2006/relationships/image" Target="../media/image3.png"/><Relationship Id="rId3" Type="http://schemas.openxmlformats.org/officeDocument/2006/relationships/slideLayout" Target="../slideLayouts/slideLayout69.xml"/><Relationship Id="rId7" Type="http://schemas.openxmlformats.org/officeDocument/2006/relationships/slideLayout" Target="../slideLayouts/slideLayout73.xml"/><Relationship Id="rId12" Type="http://schemas.openxmlformats.org/officeDocument/2006/relationships/theme" Target="../theme/theme7.xml"/><Relationship Id="rId2" Type="http://schemas.openxmlformats.org/officeDocument/2006/relationships/slideLayout" Target="../slideLayouts/slideLayout68.xml"/><Relationship Id="rId1" Type="http://schemas.openxmlformats.org/officeDocument/2006/relationships/slideLayout" Target="../slideLayouts/slideLayout67.xml"/><Relationship Id="rId6" Type="http://schemas.openxmlformats.org/officeDocument/2006/relationships/slideLayout" Target="../slideLayouts/slideLayout72.xml"/><Relationship Id="rId11" Type="http://schemas.openxmlformats.org/officeDocument/2006/relationships/slideLayout" Target="../slideLayouts/slideLayout77.xml"/><Relationship Id="rId5" Type="http://schemas.openxmlformats.org/officeDocument/2006/relationships/slideLayout" Target="../slideLayouts/slideLayout71.xml"/><Relationship Id="rId10" Type="http://schemas.openxmlformats.org/officeDocument/2006/relationships/slideLayout" Target="../slideLayouts/slideLayout76.xml"/><Relationship Id="rId4" Type="http://schemas.openxmlformats.org/officeDocument/2006/relationships/slideLayout" Target="../slideLayouts/slideLayout70.xml"/><Relationship Id="rId9" Type="http://schemas.openxmlformats.org/officeDocument/2006/relationships/slideLayout" Target="../slideLayouts/slideLayout75.xml"/></Relationships>
</file>

<file path=ppt/slideMasters/_rels/slideMaster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5.xml"/><Relationship Id="rId13" Type="http://schemas.openxmlformats.org/officeDocument/2006/relationships/image" Target="../media/image3.png"/><Relationship Id="rId3" Type="http://schemas.openxmlformats.org/officeDocument/2006/relationships/slideLayout" Target="../slideLayouts/slideLayout80.xml"/><Relationship Id="rId7" Type="http://schemas.openxmlformats.org/officeDocument/2006/relationships/slideLayout" Target="../slideLayouts/slideLayout84.xml"/><Relationship Id="rId12" Type="http://schemas.openxmlformats.org/officeDocument/2006/relationships/theme" Target="../theme/theme8.xml"/><Relationship Id="rId2" Type="http://schemas.openxmlformats.org/officeDocument/2006/relationships/slideLayout" Target="../slideLayouts/slideLayout79.xml"/><Relationship Id="rId1" Type="http://schemas.openxmlformats.org/officeDocument/2006/relationships/slideLayout" Target="../slideLayouts/slideLayout78.xml"/><Relationship Id="rId6" Type="http://schemas.openxmlformats.org/officeDocument/2006/relationships/slideLayout" Target="../slideLayouts/slideLayout83.xml"/><Relationship Id="rId11" Type="http://schemas.openxmlformats.org/officeDocument/2006/relationships/slideLayout" Target="../slideLayouts/slideLayout88.xml"/><Relationship Id="rId5" Type="http://schemas.openxmlformats.org/officeDocument/2006/relationships/slideLayout" Target="../slideLayouts/slideLayout82.xml"/><Relationship Id="rId10" Type="http://schemas.openxmlformats.org/officeDocument/2006/relationships/slideLayout" Target="../slideLayouts/slideLayout87.xml"/><Relationship Id="rId4" Type="http://schemas.openxmlformats.org/officeDocument/2006/relationships/slideLayout" Target="../slideLayouts/slideLayout81.xml"/><Relationship Id="rId9" Type="http://schemas.openxmlformats.org/officeDocument/2006/relationships/slideLayout" Target="../slideLayouts/slideLayout86.xml"/></Relationships>
</file>

<file path=ppt/slideMasters/_rels/slideMaster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96.xml"/><Relationship Id="rId3" Type="http://schemas.openxmlformats.org/officeDocument/2006/relationships/slideLayout" Target="../slideLayouts/slideLayout91.xml"/><Relationship Id="rId7" Type="http://schemas.openxmlformats.org/officeDocument/2006/relationships/slideLayout" Target="../slideLayouts/slideLayout95.xml"/><Relationship Id="rId12" Type="http://schemas.openxmlformats.org/officeDocument/2006/relationships/theme" Target="../theme/theme9.xml"/><Relationship Id="rId2" Type="http://schemas.openxmlformats.org/officeDocument/2006/relationships/slideLayout" Target="../slideLayouts/slideLayout90.xml"/><Relationship Id="rId1" Type="http://schemas.openxmlformats.org/officeDocument/2006/relationships/slideLayout" Target="../slideLayouts/slideLayout89.xml"/><Relationship Id="rId6" Type="http://schemas.openxmlformats.org/officeDocument/2006/relationships/slideLayout" Target="../slideLayouts/slideLayout94.xml"/><Relationship Id="rId11" Type="http://schemas.openxmlformats.org/officeDocument/2006/relationships/slideLayout" Target="../slideLayouts/slideLayout99.xml"/><Relationship Id="rId5" Type="http://schemas.openxmlformats.org/officeDocument/2006/relationships/slideLayout" Target="../slideLayouts/slideLayout93.xml"/><Relationship Id="rId10" Type="http://schemas.openxmlformats.org/officeDocument/2006/relationships/slideLayout" Target="../slideLayouts/slideLayout98.xml"/><Relationship Id="rId4" Type="http://schemas.openxmlformats.org/officeDocument/2006/relationships/slideLayout" Target="../slideLayouts/slideLayout92.xml"/><Relationship Id="rId9" Type="http://schemas.openxmlformats.org/officeDocument/2006/relationships/slideLayout" Target="../slideLayouts/slideLayout9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65" name="Rectangle 1"/>
          <p:cNvSpPr>
            <a:spLocks noGrp="1" noChangeArrowheads="1"/>
          </p:cNvSpPr>
          <p:nvPr>
            <p:ph type="body" idx="1"/>
          </p:nvPr>
        </p:nvSpPr>
        <p:spPr bwMode="auto">
          <a:xfrm>
            <a:off x="736600" y="1073150"/>
            <a:ext cx="7683500" cy="35750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>
                <a:sym typeface="Bradley Hand ITC TT-Bold" charset="0"/>
              </a:rPr>
              <a:t>Click to edit Master text styles</a:t>
            </a:r>
          </a:p>
          <a:p>
            <a:pPr lvl="1"/>
            <a:r>
              <a:rPr lang="en-US" dirty="0">
                <a:sym typeface="Bradley Hand ITC TT-Bold" charset="0"/>
              </a:rPr>
              <a:t>Second level</a:t>
            </a:r>
          </a:p>
          <a:p>
            <a:pPr lvl="2"/>
            <a:r>
              <a:rPr lang="en-US" dirty="0">
                <a:sym typeface="Bradley Hand ITC TT-Bold" charset="0"/>
              </a:rPr>
              <a:t>Third level</a:t>
            </a:r>
          </a:p>
          <a:p>
            <a:pPr lvl="3"/>
            <a:r>
              <a:rPr lang="en-US" dirty="0">
                <a:sym typeface="Bradley Hand ITC TT-Bold" charset="0"/>
              </a:rPr>
              <a:t>Fourth level</a:t>
            </a:r>
          </a:p>
          <a:p>
            <a:pPr lvl="4"/>
            <a:r>
              <a:rPr lang="en-US" dirty="0">
                <a:sym typeface="Bradley Hand ITC TT-Bold" charset="0"/>
              </a:rPr>
              <a:t>Fifth level</a:t>
            </a:r>
          </a:p>
        </p:txBody>
      </p:sp>
      <p:sp>
        <p:nvSpPr>
          <p:cNvPr id="11266" name="Text Box 2"/>
          <p:cNvSpPr txBox="1">
            <a:spLocks noGrp="1" noChangeArrowheads="1"/>
          </p:cNvSpPr>
          <p:nvPr>
            <p:ph type="sldNum" sz="quarter" idx="4"/>
          </p:nvPr>
        </p:nvSpPr>
        <p:spPr bwMode="auto">
          <a:xfrm>
            <a:off x="4451352" y="5486400"/>
            <a:ext cx="233363" cy="254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none" lIns="43955" tIns="21978" rIns="43955" bIns="21978" numCol="1" anchor="t" anchorCtr="0" compatLnSpc="1">
            <a:prstTxWarp prst="textNoShape">
              <a:avLst/>
            </a:prstTxWarp>
          </a:bodyPr>
          <a:lstStyle>
            <a:lvl1pPr>
              <a:defRPr sz="1200" b="0" i="0">
                <a:solidFill>
                  <a:schemeClr val="tx1"/>
                </a:solidFill>
                <a:latin typeface="Helvetica Neue Regular" panose="02000503000000020004" pitchFamily="2" charset="0"/>
                <a:ea typeface="MS PGothic" charset="0"/>
                <a:cs typeface="MS PGothic" charset="0"/>
              </a:defRPr>
            </a:lvl1pPr>
          </a:lstStyle>
          <a:p>
            <a:fld id="{6101A757-DECA-AA49-AEAD-E0FF21F4E241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4" name="Picture 3" descr="Transparent logo.pdf"/>
          <p:cNvPicPr>
            <a:picLocks noChangeAspect="1"/>
          </p:cNvPicPr>
          <p:nvPr userDrawn="1"/>
        </p:nvPicPr>
        <p:blipFill>
          <a:blip r:embed="rId1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1000" y="5295900"/>
            <a:ext cx="2667000" cy="28499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4784" r:id="rId1"/>
    <p:sldLayoutId id="2147484785" r:id="rId2"/>
    <p:sldLayoutId id="2147484786" r:id="rId3"/>
    <p:sldLayoutId id="2147484787" r:id="rId4"/>
    <p:sldLayoutId id="2147484788" r:id="rId5"/>
    <p:sldLayoutId id="2147484789" r:id="rId6"/>
    <p:sldLayoutId id="2147484790" r:id="rId7"/>
    <p:sldLayoutId id="2147484791" r:id="rId8"/>
    <p:sldLayoutId id="2147484792" r:id="rId9"/>
    <p:sldLayoutId id="2147484793" r:id="rId10"/>
    <p:sldLayoutId id="2147484794" r:id="rId11"/>
  </p:sldLayoutIdLst>
  <p:transition/>
  <p:hf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274638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1pPr>
      <a:lvl2pPr marL="463550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2pPr>
      <a:lvl3pPr marL="676275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3pPr>
      <a:lvl4pPr marL="890588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4pPr>
      <a:lvl5pPr marL="1104900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5pPr>
      <a:lvl6pPr marL="1324761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6pPr>
      <a:lvl7pPr marL="1544537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7pPr>
      <a:lvl8pPr marL="1764313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8pPr>
      <a:lvl9pPr marL="1984089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0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4866" name="Rectangle 1"/>
          <p:cNvSpPr>
            <a:spLocks/>
          </p:cNvSpPr>
          <p:nvPr/>
        </p:nvSpPr>
        <p:spPr bwMode="auto">
          <a:xfrm>
            <a:off x="5054600" y="-1126261"/>
            <a:ext cx="954088" cy="80945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1pPr>
            <a:lvl2pPr marL="742950" indent="-28575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2pPr>
            <a:lvl3pPr marL="1143000" indent="-22860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3pPr>
            <a:lvl4pPr marL="1600200" indent="-22860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4pPr>
            <a:lvl5pPr marL="2057400" indent="-22860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9pPr>
          </a:lstStyle>
          <a:p>
            <a:pPr algn="l" eaLnBrk="1" hangingPunct="1">
              <a:defRPr/>
            </a:pP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1000" dirty="0">
                <a:solidFill>
                  <a:srgbClr val="FFFEFE"/>
                </a:solidFill>
                <a:latin typeface="Constantia Bold Italic" charset="0"/>
                <a:ea typeface="MS PGothic" pitchFamily="34" charset="-128"/>
                <a:cs typeface="+mn-cs"/>
                <a:sym typeface="Constantia Bold Italic" charset="0"/>
              </a:rPr>
              <a:t>V75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1000" dirty="0">
                <a:solidFill>
                  <a:srgbClr val="FFFEFE"/>
                </a:solidFill>
                <a:latin typeface="Constantia Bold Italic" charset="0"/>
                <a:ea typeface="MS PGothic" pitchFamily="34" charset="-128"/>
                <a:cs typeface="+mn-cs"/>
                <a:sym typeface="Constantia Bold Italic" charset="0"/>
              </a:rPr>
              <a:t>V100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1000" dirty="0">
                <a:solidFill>
                  <a:srgbClr val="FFFEFE"/>
                </a:solidFill>
                <a:latin typeface="Constantia Bold Italic" charset="0"/>
                <a:ea typeface="MS PGothic" pitchFamily="34" charset="-128"/>
                <a:cs typeface="+mn-cs"/>
                <a:sym typeface="Constantia Bold Italic" charset="0"/>
              </a:rPr>
              <a:t>V150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1000" dirty="0">
                <a:solidFill>
                  <a:srgbClr val="FFFEFE"/>
                </a:solidFill>
                <a:latin typeface="Constantia Bold Italic" charset="0"/>
                <a:ea typeface="MS PGothic" pitchFamily="34" charset="-128"/>
                <a:cs typeface="+mn-cs"/>
                <a:sym typeface="Constantia Bold Italic" charset="0"/>
              </a:rPr>
              <a:t>Tapered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1000" dirty="0">
                <a:solidFill>
                  <a:srgbClr val="FFFEFE"/>
                </a:solidFill>
                <a:latin typeface="Constantia Bold Italic" charset="0"/>
                <a:ea typeface="MS PGothic" pitchFamily="34" charset="-128"/>
                <a:cs typeface="+mn-cs"/>
                <a:sym typeface="Constantia Bold Italic" charset="0"/>
              </a:rPr>
              <a:t>MOPA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1000" dirty="0">
                <a:solidFill>
                  <a:srgbClr val="FFFEFE"/>
                </a:solidFill>
                <a:latin typeface="Constantia Bold Italic" charset="0"/>
                <a:ea typeface="MS PGothic" pitchFamily="34" charset="-128"/>
                <a:cs typeface="+mn-cs"/>
                <a:sym typeface="Constantia Bold Italic" charset="0"/>
              </a:rPr>
              <a:t>BA DBR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1000" dirty="0">
                <a:solidFill>
                  <a:srgbClr val="FFFEFE"/>
                </a:solidFill>
                <a:latin typeface="Constantia Bold Italic" charset="0"/>
                <a:ea typeface="MS PGothic" pitchFamily="34" charset="-128"/>
                <a:cs typeface="+mn-cs"/>
                <a:sym typeface="Constantia Bold Italic" charset="0"/>
              </a:rPr>
              <a:t>FP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Output Power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low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moderate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high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highest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highest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highest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moderate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Beam Quality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high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high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high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moderate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low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low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moderate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Spectral Stability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high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moderate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low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low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moderate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very low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none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Qualified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Product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in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qualification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eaLnBrk="1" hangingPunct="1">
              <a:defRPr/>
            </a:pPr>
            <a:r>
              <a:rPr lang="en-US" altLang="en-US" sz="900" dirty="0">
                <a:solidFill>
                  <a:srgbClr val="FFFEFE"/>
                </a:solidFill>
                <a:latin typeface="Helvetica Neue"/>
                <a:ea typeface="MS PGothic" pitchFamily="34" charset="-128"/>
                <a:cs typeface="+mn-cs"/>
                <a:sym typeface="Constantia" pitchFamily="18" charset="0"/>
              </a:rPr>
              <a:t>sample evaluation</a:t>
            </a: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algn="l" eaLnBrk="1" hangingPunct="1">
              <a:defRPr/>
            </a:pPr>
            <a:endParaRPr lang="en-US" altLang="en-US" sz="1200" dirty="0">
              <a:solidFill>
                <a:schemeClr val="tx1"/>
              </a:solidFill>
              <a:latin typeface="Arial" pitchFamily="34" charset="0"/>
              <a:ea typeface="MS PGothic" pitchFamily="34" charset="-128"/>
              <a:cs typeface="+mn-cs"/>
              <a:sym typeface="Arial" pitchFamily="34" charset="0"/>
            </a:endParaRPr>
          </a:p>
          <a:p>
            <a:pPr eaLnBrk="1" hangingPunct="1">
              <a:defRPr/>
            </a:pPr>
            <a:endParaRPr lang="en-US" altLang="en-US" b="0" i="0" dirty="0">
              <a:solidFill>
                <a:schemeClr val="tx1"/>
              </a:solidFill>
              <a:latin typeface="Helvetica Neue Regular" panose="02000503000000020004" pitchFamily="2" charset="0"/>
              <a:ea typeface="MS PGothic" pitchFamily="34" charset="-128"/>
              <a:cs typeface="+mn-cs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4883" r:id="rId1"/>
    <p:sldLayoutId id="2147484884" r:id="rId2"/>
    <p:sldLayoutId id="2147484885" r:id="rId3"/>
    <p:sldLayoutId id="2147484886" r:id="rId4"/>
    <p:sldLayoutId id="2147484887" r:id="rId5"/>
    <p:sldLayoutId id="2147484888" r:id="rId6"/>
    <p:sldLayoutId id="2147484889" r:id="rId7"/>
    <p:sldLayoutId id="2147484890" r:id="rId8"/>
    <p:sldLayoutId id="2147484891" r:id="rId9"/>
    <p:sldLayoutId id="2147484892" r:id="rId10"/>
    <p:sldLayoutId id="2147484893" r:id="rId11"/>
  </p:sldLayoutIdLst>
  <p:transition/>
  <p:hf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274638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1pPr>
      <a:lvl2pPr marL="487363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2pPr>
      <a:lvl3pPr marL="701675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3pPr>
      <a:lvl4pPr marL="914400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4pPr>
      <a:lvl5pPr marL="1128713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5pPr>
      <a:lvl6pPr marL="1349181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6pPr>
      <a:lvl7pPr marL="1568957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7pPr>
      <a:lvl8pPr marL="1788733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8pPr>
      <a:lvl9pPr marL="2008509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266" name="Picture 1"/>
          <p:cNvPicPr>
            <a:picLocks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670050" y="4540250"/>
            <a:ext cx="5803900" cy="31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4894" r:id="rId1"/>
    <p:sldLayoutId id="2147484895" r:id="rId2"/>
    <p:sldLayoutId id="2147484896" r:id="rId3"/>
    <p:sldLayoutId id="2147484897" r:id="rId4"/>
    <p:sldLayoutId id="2147484898" r:id="rId5"/>
    <p:sldLayoutId id="2147484899" r:id="rId6"/>
    <p:sldLayoutId id="2147484900" r:id="rId7"/>
    <p:sldLayoutId id="2147484901" r:id="rId8"/>
    <p:sldLayoutId id="2147484902" r:id="rId9"/>
    <p:sldLayoutId id="2147484903" r:id="rId10"/>
    <p:sldLayoutId id="2147484904" r:id="rId11"/>
  </p:sldLayoutIdLst>
  <p:transition/>
  <p:hf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274638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1pPr>
      <a:lvl2pPr marL="487363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2pPr>
      <a:lvl3pPr marL="701675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3pPr>
      <a:lvl4pPr marL="914400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4pPr>
      <a:lvl5pPr marL="1128713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5pPr>
      <a:lvl6pPr marL="1349181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6pPr>
      <a:lvl7pPr marL="1568957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7pPr>
      <a:lvl8pPr marL="1788733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8pPr>
      <a:lvl9pPr marL="2008509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290" name="Picture 1"/>
          <p:cNvPicPr>
            <a:picLocks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670050" y="4540250"/>
            <a:ext cx="5803900" cy="31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4905" r:id="rId1"/>
    <p:sldLayoutId id="2147484906" r:id="rId2"/>
    <p:sldLayoutId id="2147484907" r:id="rId3"/>
    <p:sldLayoutId id="2147484908" r:id="rId4"/>
    <p:sldLayoutId id="2147484909" r:id="rId5"/>
    <p:sldLayoutId id="2147484910" r:id="rId6"/>
    <p:sldLayoutId id="2147484911" r:id="rId7"/>
    <p:sldLayoutId id="2147484912" r:id="rId8"/>
    <p:sldLayoutId id="2147484913" r:id="rId9"/>
    <p:sldLayoutId id="2147484914" r:id="rId10"/>
    <p:sldLayoutId id="2147484915" r:id="rId11"/>
  </p:sldLayoutIdLst>
  <p:transition/>
  <p:hf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274638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1pPr>
      <a:lvl2pPr marL="487363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2pPr>
      <a:lvl3pPr marL="701675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3pPr>
      <a:lvl4pPr marL="914400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4pPr>
      <a:lvl5pPr marL="1128713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5pPr>
      <a:lvl6pPr marL="1349181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6pPr>
      <a:lvl7pPr marL="1568957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7pPr>
      <a:lvl8pPr marL="1788733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8pPr>
      <a:lvl9pPr marL="2008509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553" name="Rectangle 1"/>
          <p:cNvSpPr>
            <a:spLocks noGrp="1" noChangeArrowheads="1"/>
          </p:cNvSpPr>
          <p:nvPr>
            <p:ph type="title"/>
          </p:nvPr>
        </p:nvSpPr>
        <p:spPr bwMode="auto">
          <a:xfrm>
            <a:off x="736600" y="304800"/>
            <a:ext cx="7683500" cy="971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>
                <a:sym typeface="Gill Sans Light" charset="0"/>
              </a:rPr>
              <a:t>Click to edit Master title style</a:t>
            </a:r>
          </a:p>
        </p:txBody>
      </p:sp>
      <p:pic>
        <p:nvPicPr>
          <p:cNvPr id="13315" name="Picture 2"/>
          <p:cNvPicPr>
            <a:picLocks noChangeArrowheads="1"/>
          </p:cNvPicPr>
          <p:nvPr/>
        </p:nvPicPr>
        <p:blipFill>
          <a:blip r:embed="rId13">
            <a:alphaModFix amt="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670050" y="1460500"/>
            <a:ext cx="5803900" cy="31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>
                    <a:alpha val="70195"/>
                  </a:srgbClr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>
                    <a:alpha val="70195"/>
                  </a:srgbClr>
                </a:solidFill>
                <a:miter lim="800000"/>
                <a:headEnd/>
                <a:tailEnd/>
              </a14:hiddenLine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4916" r:id="rId1"/>
    <p:sldLayoutId id="2147484917" r:id="rId2"/>
    <p:sldLayoutId id="2147484918" r:id="rId3"/>
    <p:sldLayoutId id="2147484919" r:id="rId4"/>
    <p:sldLayoutId id="2147484920" r:id="rId5"/>
    <p:sldLayoutId id="2147484921" r:id="rId6"/>
    <p:sldLayoutId id="2147484922" r:id="rId7"/>
    <p:sldLayoutId id="2147484923" r:id="rId8"/>
    <p:sldLayoutId id="2147484924" r:id="rId9"/>
    <p:sldLayoutId id="2147484925" r:id="rId10"/>
    <p:sldLayoutId id="2147484926" r:id="rId11"/>
  </p:sldLayoutIdLst>
  <p:transition/>
  <p:hf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274638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1pPr>
      <a:lvl2pPr marL="487363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2pPr>
      <a:lvl3pPr marL="701675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3pPr>
      <a:lvl4pPr marL="914400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4pPr>
      <a:lvl5pPr marL="1128713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5pPr>
      <a:lvl6pPr marL="1349181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6pPr>
      <a:lvl7pPr marL="1568957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7pPr>
      <a:lvl8pPr marL="1788733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8pPr>
      <a:lvl9pPr marL="2008509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77" name="Rectangle 1"/>
          <p:cNvSpPr>
            <a:spLocks noGrp="1" noChangeArrowheads="1"/>
          </p:cNvSpPr>
          <p:nvPr>
            <p:ph type="title"/>
          </p:nvPr>
        </p:nvSpPr>
        <p:spPr bwMode="auto">
          <a:xfrm>
            <a:off x="736600" y="1739900"/>
            <a:ext cx="7683500" cy="19367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>
                <a:sym typeface="Gill Sans Light" charset="0"/>
              </a:rPr>
              <a:t>Click to edit Master title style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4927" r:id="rId1"/>
    <p:sldLayoutId id="2147484928" r:id="rId2"/>
    <p:sldLayoutId id="2147484929" r:id="rId3"/>
    <p:sldLayoutId id="2147484930" r:id="rId4"/>
    <p:sldLayoutId id="2147484931" r:id="rId5"/>
    <p:sldLayoutId id="2147484932" r:id="rId6"/>
    <p:sldLayoutId id="2147484933" r:id="rId7"/>
    <p:sldLayoutId id="2147484934" r:id="rId8"/>
    <p:sldLayoutId id="2147484935" r:id="rId9"/>
    <p:sldLayoutId id="2147484936" r:id="rId10"/>
    <p:sldLayoutId id="2147484937" r:id="rId11"/>
  </p:sldLayoutIdLst>
  <p:transition/>
  <p:hf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274638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1pPr>
      <a:lvl2pPr marL="487363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2pPr>
      <a:lvl3pPr marL="701675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3pPr>
      <a:lvl4pPr marL="914400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4pPr>
      <a:lvl5pPr marL="1128713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5pPr>
      <a:lvl6pPr marL="1349181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6pPr>
      <a:lvl7pPr marL="1568957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7pPr>
      <a:lvl8pPr marL="1788733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8pPr>
      <a:lvl9pPr marL="2008509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5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601" name="Rectangle 1"/>
          <p:cNvSpPr>
            <a:spLocks noGrp="1" noChangeArrowheads="1"/>
          </p:cNvSpPr>
          <p:nvPr>
            <p:ph type="title"/>
          </p:nvPr>
        </p:nvSpPr>
        <p:spPr bwMode="auto">
          <a:xfrm>
            <a:off x="736600" y="4083050"/>
            <a:ext cx="7683500" cy="5969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>
                <a:sym typeface="Gill Sans Light" charset="0"/>
              </a:rPr>
              <a:t>Click to edit Master title style</a:t>
            </a:r>
          </a:p>
        </p:txBody>
      </p:sp>
      <p:sp>
        <p:nvSpPr>
          <p:cNvPr id="25602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736600" y="4857750"/>
            <a:ext cx="7683500" cy="584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>
                <a:sym typeface="Bradley Hand ITC TT-Bold" charset="0"/>
              </a:rPr>
              <a:t>Click to edit Master text styles</a:t>
            </a:r>
          </a:p>
          <a:p>
            <a:pPr lvl="1"/>
            <a:r>
              <a:rPr lang="en-US" dirty="0">
                <a:sym typeface="Bradley Hand ITC TT-Bold" charset="0"/>
              </a:rPr>
              <a:t>Second level</a:t>
            </a:r>
          </a:p>
          <a:p>
            <a:pPr lvl="2"/>
            <a:r>
              <a:rPr lang="en-US" dirty="0">
                <a:sym typeface="Bradley Hand ITC TT-Bold" charset="0"/>
              </a:rPr>
              <a:t>Third level</a:t>
            </a:r>
          </a:p>
          <a:p>
            <a:pPr lvl="3"/>
            <a:r>
              <a:rPr lang="en-US" dirty="0">
                <a:sym typeface="Bradley Hand ITC TT-Bold" charset="0"/>
              </a:rPr>
              <a:t>Fourth level</a:t>
            </a:r>
          </a:p>
          <a:p>
            <a:pPr lvl="4"/>
            <a:r>
              <a:rPr lang="en-US" dirty="0">
                <a:sym typeface="Bradley Hand ITC TT-Bold" charset="0"/>
              </a:rPr>
              <a:t>Fifth level</a:t>
            </a:r>
          </a:p>
        </p:txBody>
      </p:sp>
      <p:pic>
        <p:nvPicPr>
          <p:cNvPr id="15364" name="Picture 3"/>
          <p:cNvPicPr>
            <a:picLocks noChangeArrowheads="1"/>
          </p:cNvPicPr>
          <p:nvPr/>
        </p:nvPicPr>
        <p:blipFill>
          <a:blip r:embed="rId13">
            <a:alphaModFix amt="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670050" y="4565650"/>
            <a:ext cx="5803900" cy="31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>
                    <a:alpha val="70195"/>
                  </a:srgbClr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>
                    <a:alpha val="70195"/>
                  </a:srgbClr>
                </a:solidFill>
                <a:miter lim="800000"/>
                <a:headEnd/>
                <a:tailEnd/>
              </a14:hiddenLine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4938" r:id="rId1"/>
    <p:sldLayoutId id="2147484939" r:id="rId2"/>
    <p:sldLayoutId id="2147484940" r:id="rId3"/>
    <p:sldLayoutId id="2147484941" r:id="rId4"/>
    <p:sldLayoutId id="2147484942" r:id="rId5"/>
    <p:sldLayoutId id="2147484943" r:id="rId6"/>
    <p:sldLayoutId id="2147484944" r:id="rId7"/>
    <p:sldLayoutId id="2147484945" r:id="rId8"/>
    <p:sldLayoutId id="2147484946" r:id="rId9"/>
    <p:sldLayoutId id="2147484947" r:id="rId10"/>
    <p:sldLayoutId id="2147484948" r:id="rId11"/>
  </p:sldLayoutIdLst>
  <p:transition/>
  <p:hf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342900" indent="-342900" algn="ctr" rtl="0" eaLnBrk="0" fontAlgn="base" hangingPunct="0">
        <a:spcBef>
          <a:spcPct val="0"/>
        </a:spcBef>
        <a:spcAft>
          <a:spcPct val="0"/>
        </a:spcAft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1pPr>
      <a:lvl2pPr marL="742950" indent="-285750" algn="ctr" rtl="0" eaLnBrk="0" fontAlgn="base" hangingPunct="0">
        <a:spcBef>
          <a:spcPct val="0"/>
        </a:spcBef>
        <a:spcAft>
          <a:spcPct val="0"/>
        </a:spcAft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2pPr>
      <a:lvl3pPr marL="1143000" indent="-228600" algn="ctr" rtl="0" eaLnBrk="0" fontAlgn="base" hangingPunct="0">
        <a:spcBef>
          <a:spcPct val="0"/>
        </a:spcBef>
        <a:spcAft>
          <a:spcPct val="0"/>
        </a:spcAft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3pPr>
      <a:lvl4pPr marL="1600200" indent="-228600" algn="ctr" rtl="0" eaLnBrk="0" fontAlgn="base" hangingPunct="0">
        <a:spcBef>
          <a:spcPct val="0"/>
        </a:spcBef>
        <a:spcAft>
          <a:spcPct val="0"/>
        </a:spcAft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4pPr>
      <a:lvl5pPr marL="2057400" indent="-228600" algn="ctr" rtl="0" eaLnBrk="0" fontAlgn="base" hangingPunct="0">
        <a:spcBef>
          <a:spcPct val="0"/>
        </a:spcBef>
        <a:spcAft>
          <a:spcPct val="0"/>
        </a:spcAft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6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5" name="Rectangle 1"/>
          <p:cNvSpPr>
            <a:spLocks noGrp="1" noChangeArrowheads="1"/>
          </p:cNvSpPr>
          <p:nvPr>
            <p:ph type="title"/>
          </p:nvPr>
        </p:nvSpPr>
        <p:spPr bwMode="auto">
          <a:xfrm>
            <a:off x="736600" y="4083050"/>
            <a:ext cx="7683500" cy="5969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>
                <a:sym typeface="Gill Sans Light" charset="0"/>
              </a:rPr>
              <a:t>Click to edit Master title style</a:t>
            </a:r>
          </a:p>
        </p:txBody>
      </p:sp>
      <p:sp>
        <p:nvSpPr>
          <p:cNvPr id="26626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736600" y="4857750"/>
            <a:ext cx="7683500" cy="584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>
                <a:sym typeface="Bradley Hand ITC TT-Bold" charset="0"/>
              </a:rPr>
              <a:t>Click to edit Master text styles</a:t>
            </a:r>
          </a:p>
          <a:p>
            <a:pPr lvl="1"/>
            <a:r>
              <a:rPr lang="en-US" dirty="0">
                <a:sym typeface="Bradley Hand ITC TT-Bold" charset="0"/>
              </a:rPr>
              <a:t>Second level</a:t>
            </a:r>
          </a:p>
          <a:p>
            <a:pPr lvl="2"/>
            <a:r>
              <a:rPr lang="en-US" dirty="0">
                <a:sym typeface="Bradley Hand ITC TT-Bold" charset="0"/>
              </a:rPr>
              <a:t>Third level</a:t>
            </a:r>
          </a:p>
          <a:p>
            <a:pPr lvl="3"/>
            <a:r>
              <a:rPr lang="en-US" dirty="0">
                <a:sym typeface="Bradley Hand ITC TT-Bold" charset="0"/>
              </a:rPr>
              <a:t>Fourth level</a:t>
            </a:r>
          </a:p>
          <a:p>
            <a:pPr lvl="4"/>
            <a:r>
              <a:rPr lang="en-US" dirty="0">
                <a:sym typeface="Bradley Hand ITC TT-Bold" charset="0"/>
              </a:rPr>
              <a:t>Fifth level</a:t>
            </a:r>
          </a:p>
        </p:txBody>
      </p:sp>
      <p:pic>
        <p:nvPicPr>
          <p:cNvPr id="16388" name="Picture 3"/>
          <p:cNvPicPr>
            <a:picLocks noChangeArrowheads="1"/>
          </p:cNvPicPr>
          <p:nvPr/>
        </p:nvPicPr>
        <p:blipFill>
          <a:blip r:embed="rId13">
            <a:alphaModFix amt="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670050" y="4565650"/>
            <a:ext cx="5803900" cy="31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>
                    <a:alpha val="70195"/>
                  </a:srgbClr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>
                    <a:alpha val="70195"/>
                  </a:srgbClr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ext Box 4"/>
          <p:cNvSpPr txBox="1">
            <a:spLocks noGrp="1" noChangeArrowheads="1"/>
          </p:cNvSpPr>
          <p:nvPr>
            <p:ph type="sldNum" sz="quarter" idx="4"/>
          </p:nvPr>
        </p:nvSpPr>
        <p:spPr bwMode="auto">
          <a:xfrm>
            <a:off x="4451352" y="5486400"/>
            <a:ext cx="233363" cy="254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none" lIns="43955" tIns="21978" rIns="43955" bIns="21978" numCol="1" anchor="t" anchorCtr="0" compatLnSpc="1">
            <a:prstTxWarp prst="textNoShape">
              <a:avLst/>
            </a:prstTxWarp>
          </a:bodyPr>
          <a:lstStyle>
            <a:lvl1pPr>
              <a:defRPr sz="1200" b="0" i="0">
                <a:solidFill>
                  <a:schemeClr val="tx1"/>
                </a:solidFill>
                <a:latin typeface="Helvetica Neue Regular" panose="02000503000000020004" pitchFamily="2" charset="0"/>
                <a:ea typeface="MS PGothic" charset="0"/>
                <a:cs typeface="MS PGothic" charset="0"/>
              </a:defRPr>
            </a:lvl1pPr>
          </a:lstStyle>
          <a:p>
            <a:fld id="{C630C76F-0DFD-5D43-B823-7378283C5424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4949" r:id="rId1"/>
    <p:sldLayoutId id="2147484950" r:id="rId2"/>
    <p:sldLayoutId id="2147484951" r:id="rId3"/>
    <p:sldLayoutId id="2147484952" r:id="rId4"/>
    <p:sldLayoutId id="2147484953" r:id="rId5"/>
    <p:sldLayoutId id="2147484954" r:id="rId6"/>
    <p:sldLayoutId id="2147484955" r:id="rId7"/>
    <p:sldLayoutId id="2147484956" r:id="rId8"/>
    <p:sldLayoutId id="2147484957" r:id="rId9"/>
    <p:sldLayoutId id="2147484958" r:id="rId10"/>
    <p:sldLayoutId id="2147484959" r:id="rId11"/>
  </p:sldLayoutIdLst>
  <p:transition/>
  <p:hf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342900" indent="-342900" algn="ctr" rtl="0" eaLnBrk="0" fontAlgn="base" hangingPunct="0">
        <a:spcBef>
          <a:spcPct val="0"/>
        </a:spcBef>
        <a:spcAft>
          <a:spcPct val="0"/>
        </a:spcAft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1pPr>
      <a:lvl2pPr marL="742950" indent="-285750" algn="ctr" rtl="0" eaLnBrk="0" fontAlgn="base" hangingPunct="0">
        <a:spcBef>
          <a:spcPct val="0"/>
        </a:spcBef>
        <a:spcAft>
          <a:spcPct val="0"/>
        </a:spcAft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2pPr>
      <a:lvl3pPr marL="1143000" indent="-228600" algn="ctr" rtl="0" eaLnBrk="0" fontAlgn="base" hangingPunct="0">
        <a:spcBef>
          <a:spcPct val="0"/>
        </a:spcBef>
        <a:spcAft>
          <a:spcPct val="0"/>
        </a:spcAft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3pPr>
      <a:lvl4pPr marL="1600200" indent="-228600" algn="ctr" rtl="0" eaLnBrk="0" fontAlgn="base" hangingPunct="0">
        <a:spcBef>
          <a:spcPct val="0"/>
        </a:spcBef>
        <a:spcAft>
          <a:spcPct val="0"/>
        </a:spcAft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4pPr>
      <a:lvl5pPr marL="2057400" indent="-228600" algn="ctr" rtl="0" eaLnBrk="0" fontAlgn="base" hangingPunct="0">
        <a:spcBef>
          <a:spcPct val="0"/>
        </a:spcBef>
        <a:spcAft>
          <a:spcPct val="0"/>
        </a:spcAft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7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49" name="Rectangle 1"/>
          <p:cNvSpPr>
            <a:spLocks noGrp="1" noChangeArrowheads="1"/>
          </p:cNvSpPr>
          <p:nvPr>
            <p:ph type="title"/>
          </p:nvPr>
        </p:nvSpPr>
        <p:spPr bwMode="auto">
          <a:xfrm>
            <a:off x="736600" y="304800"/>
            <a:ext cx="7683500" cy="971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>
                <a:sym typeface="Gill Sans Light" charset="0"/>
              </a:rPr>
              <a:t>Click to edit Master title style</a:t>
            </a:r>
          </a:p>
        </p:txBody>
      </p:sp>
      <p:sp>
        <p:nvSpPr>
          <p:cNvPr id="27650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736600" y="1625600"/>
            <a:ext cx="3479800" cy="3352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>
                <a:sym typeface="Bradley Hand ITC TT-Bold" charset="0"/>
              </a:rPr>
              <a:t>Click to edit Master text styles</a:t>
            </a:r>
          </a:p>
          <a:p>
            <a:pPr lvl="1"/>
            <a:r>
              <a:rPr lang="en-US" dirty="0">
                <a:sym typeface="Bradley Hand ITC TT-Bold" charset="0"/>
              </a:rPr>
              <a:t>Second level</a:t>
            </a:r>
          </a:p>
          <a:p>
            <a:pPr lvl="2"/>
            <a:r>
              <a:rPr lang="en-US" dirty="0">
                <a:sym typeface="Bradley Hand ITC TT-Bold" charset="0"/>
              </a:rPr>
              <a:t>Third level</a:t>
            </a:r>
          </a:p>
          <a:p>
            <a:pPr lvl="3"/>
            <a:r>
              <a:rPr lang="en-US" dirty="0">
                <a:sym typeface="Bradley Hand ITC TT-Bold" charset="0"/>
              </a:rPr>
              <a:t>Fourth level</a:t>
            </a:r>
          </a:p>
          <a:p>
            <a:pPr lvl="4"/>
            <a:r>
              <a:rPr lang="en-US" dirty="0">
                <a:sym typeface="Bradley Hand ITC TT-Bold" charset="0"/>
              </a:rPr>
              <a:t>Fifth level</a:t>
            </a:r>
          </a:p>
        </p:txBody>
      </p:sp>
      <p:pic>
        <p:nvPicPr>
          <p:cNvPr id="17412" name="Picture 3"/>
          <p:cNvPicPr>
            <a:picLocks noChangeArrowheads="1"/>
          </p:cNvPicPr>
          <p:nvPr/>
        </p:nvPicPr>
        <p:blipFill>
          <a:blip r:embed="rId13">
            <a:alphaModFix amt="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670050" y="1460500"/>
            <a:ext cx="5803900" cy="31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>
                    <a:alpha val="70195"/>
                  </a:srgbClr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>
                    <a:alpha val="70195"/>
                  </a:srgbClr>
                </a:solidFill>
                <a:miter lim="800000"/>
                <a:headEnd/>
                <a:tailEnd/>
              </a14:hiddenLine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4960" r:id="rId1"/>
    <p:sldLayoutId id="2147484961" r:id="rId2"/>
    <p:sldLayoutId id="2147484962" r:id="rId3"/>
    <p:sldLayoutId id="2147484963" r:id="rId4"/>
    <p:sldLayoutId id="2147484964" r:id="rId5"/>
    <p:sldLayoutId id="2147484965" r:id="rId6"/>
    <p:sldLayoutId id="2147484966" r:id="rId7"/>
    <p:sldLayoutId id="2147484967" r:id="rId8"/>
    <p:sldLayoutId id="2147484968" r:id="rId9"/>
    <p:sldLayoutId id="2147484969" r:id="rId10"/>
    <p:sldLayoutId id="2147484970" r:id="rId11"/>
  </p:sldLayoutIdLst>
  <p:transition/>
  <p:hf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274638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1pPr>
      <a:lvl2pPr marL="463550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2pPr>
      <a:lvl3pPr marL="676275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3pPr>
      <a:lvl4pPr marL="890588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4pPr>
      <a:lvl5pPr marL="1104900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5pPr>
      <a:lvl6pPr marL="1324761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6pPr>
      <a:lvl7pPr marL="1544537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7pPr>
      <a:lvl8pPr marL="1764313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8pPr>
      <a:lvl9pPr marL="1984089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8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3" name="Rectangle 1"/>
          <p:cNvSpPr>
            <a:spLocks noGrp="1" noChangeArrowheads="1"/>
          </p:cNvSpPr>
          <p:nvPr>
            <p:ph type="title"/>
          </p:nvPr>
        </p:nvSpPr>
        <p:spPr bwMode="auto">
          <a:xfrm>
            <a:off x="736600" y="304800"/>
            <a:ext cx="7683500" cy="971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>
                <a:sym typeface="Gill Sans Light" charset="0"/>
              </a:rPr>
              <a:t>Click to edit Master title style</a:t>
            </a:r>
          </a:p>
        </p:txBody>
      </p:sp>
      <p:sp>
        <p:nvSpPr>
          <p:cNvPr id="28674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4927600" y="1625600"/>
            <a:ext cx="3479800" cy="3352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>
                <a:sym typeface="Bradley Hand ITC TT-Bold" charset="0"/>
              </a:rPr>
              <a:t>Click to edit Master text styles</a:t>
            </a:r>
          </a:p>
          <a:p>
            <a:pPr lvl="1"/>
            <a:r>
              <a:rPr lang="en-US" dirty="0">
                <a:sym typeface="Bradley Hand ITC TT-Bold" charset="0"/>
              </a:rPr>
              <a:t>Second level</a:t>
            </a:r>
          </a:p>
          <a:p>
            <a:pPr lvl="2"/>
            <a:r>
              <a:rPr lang="en-US" dirty="0">
                <a:sym typeface="Bradley Hand ITC TT-Bold" charset="0"/>
              </a:rPr>
              <a:t>Third level</a:t>
            </a:r>
          </a:p>
          <a:p>
            <a:pPr lvl="3"/>
            <a:r>
              <a:rPr lang="en-US" dirty="0">
                <a:sym typeface="Bradley Hand ITC TT-Bold" charset="0"/>
              </a:rPr>
              <a:t>Fourth level</a:t>
            </a:r>
          </a:p>
          <a:p>
            <a:pPr lvl="4"/>
            <a:r>
              <a:rPr lang="en-US" dirty="0">
                <a:sym typeface="Bradley Hand ITC TT-Bold" charset="0"/>
              </a:rPr>
              <a:t>Fifth level</a:t>
            </a:r>
          </a:p>
        </p:txBody>
      </p:sp>
      <p:pic>
        <p:nvPicPr>
          <p:cNvPr id="18436" name="Picture 3"/>
          <p:cNvPicPr>
            <a:picLocks noChangeArrowheads="1"/>
          </p:cNvPicPr>
          <p:nvPr/>
        </p:nvPicPr>
        <p:blipFill>
          <a:blip r:embed="rId13">
            <a:alphaModFix amt="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670050" y="1460500"/>
            <a:ext cx="5803900" cy="31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>
                    <a:alpha val="70195"/>
                  </a:srgbClr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>
                    <a:alpha val="70195"/>
                  </a:srgbClr>
                </a:solidFill>
                <a:miter lim="800000"/>
                <a:headEnd/>
                <a:tailEnd/>
              </a14:hiddenLine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4971" r:id="rId1"/>
    <p:sldLayoutId id="2147484972" r:id="rId2"/>
    <p:sldLayoutId id="2147484973" r:id="rId3"/>
    <p:sldLayoutId id="2147484974" r:id="rId4"/>
    <p:sldLayoutId id="2147484975" r:id="rId5"/>
    <p:sldLayoutId id="2147484976" r:id="rId6"/>
    <p:sldLayoutId id="2147484977" r:id="rId7"/>
    <p:sldLayoutId id="2147484978" r:id="rId8"/>
    <p:sldLayoutId id="2147484979" r:id="rId9"/>
    <p:sldLayoutId id="2147484980" r:id="rId10"/>
    <p:sldLayoutId id="2147484981" r:id="rId11"/>
  </p:sldLayoutIdLst>
  <p:transition/>
  <p:hf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274638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1pPr>
      <a:lvl2pPr marL="463550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2pPr>
      <a:lvl3pPr marL="676275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3pPr>
      <a:lvl4pPr marL="890588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4pPr>
      <a:lvl5pPr marL="1104900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5pPr>
      <a:lvl6pPr marL="1324761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6pPr>
      <a:lvl7pPr marL="1544537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7pPr>
      <a:lvl8pPr marL="1764313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8pPr>
      <a:lvl9pPr marL="1984089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9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697" name="Rectangle 1"/>
          <p:cNvSpPr>
            <a:spLocks noGrp="1" noChangeArrowheads="1"/>
          </p:cNvSpPr>
          <p:nvPr>
            <p:ph type="title"/>
          </p:nvPr>
        </p:nvSpPr>
        <p:spPr bwMode="auto">
          <a:xfrm>
            <a:off x="736600" y="304800"/>
            <a:ext cx="7683500" cy="971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>
                <a:sym typeface="Gill Sans Light" charset="0"/>
              </a:rPr>
              <a:t>Click to edit Master title style</a:t>
            </a:r>
          </a:p>
        </p:txBody>
      </p:sp>
      <p:sp>
        <p:nvSpPr>
          <p:cNvPr id="2969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736600" y="1625600"/>
            <a:ext cx="7683500" cy="3352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>
                <a:sym typeface="Bradley Hand ITC TT-Bold" charset="0"/>
              </a:rPr>
              <a:t>Click to edit Master text styles</a:t>
            </a:r>
          </a:p>
          <a:p>
            <a:pPr lvl="1"/>
            <a:r>
              <a:rPr lang="en-US" dirty="0">
                <a:sym typeface="Bradley Hand ITC TT-Bold" charset="0"/>
              </a:rPr>
              <a:t>Second level</a:t>
            </a:r>
          </a:p>
          <a:p>
            <a:pPr lvl="2"/>
            <a:r>
              <a:rPr lang="en-US" dirty="0">
                <a:sym typeface="Bradley Hand ITC TT-Bold" charset="0"/>
              </a:rPr>
              <a:t>Third level</a:t>
            </a:r>
          </a:p>
          <a:p>
            <a:pPr lvl="3"/>
            <a:r>
              <a:rPr lang="en-US" dirty="0">
                <a:sym typeface="Bradley Hand ITC TT-Bold" charset="0"/>
              </a:rPr>
              <a:t>Fourth level</a:t>
            </a:r>
          </a:p>
          <a:p>
            <a:pPr lvl="4"/>
            <a:r>
              <a:rPr lang="en-US" dirty="0">
                <a:sym typeface="Bradley Hand ITC TT-Bold" charset="0"/>
              </a:rPr>
              <a:t>Fifth level</a:t>
            </a:r>
          </a:p>
        </p:txBody>
      </p:sp>
      <p:pic>
        <p:nvPicPr>
          <p:cNvPr id="19460" name="Picture 3"/>
          <p:cNvPicPr>
            <a:picLocks noChangeArrowheads="1"/>
          </p:cNvPicPr>
          <p:nvPr/>
        </p:nvPicPr>
        <p:blipFill>
          <a:blip r:embed="rId13">
            <a:alphaModFix amt="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670050" y="1460500"/>
            <a:ext cx="5803900" cy="31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>
                    <a:alpha val="70195"/>
                  </a:srgbClr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>
                    <a:alpha val="70195"/>
                  </a:srgbClr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ext Box 4"/>
          <p:cNvSpPr txBox="1">
            <a:spLocks noGrp="1" noChangeArrowheads="1"/>
          </p:cNvSpPr>
          <p:nvPr>
            <p:ph type="sldNum" sz="quarter" idx="4"/>
          </p:nvPr>
        </p:nvSpPr>
        <p:spPr bwMode="auto">
          <a:xfrm>
            <a:off x="4451352" y="5486400"/>
            <a:ext cx="233363" cy="254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none" lIns="43955" tIns="21978" rIns="43955" bIns="21978" numCol="1" anchor="t" anchorCtr="0" compatLnSpc="1">
            <a:prstTxWarp prst="textNoShape">
              <a:avLst/>
            </a:prstTxWarp>
          </a:bodyPr>
          <a:lstStyle>
            <a:lvl1pPr>
              <a:defRPr sz="1200" b="0" i="0">
                <a:solidFill>
                  <a:schemeClr val="tx1"/>
                </a:solidFill>
                <a:latin typeface="Helvetica Neue Regular" panose="02000503000000020004" pitchFamily="2" charset="0"/>
                <a:ea typeface="MS PGothic" charset="0"/>
                <a:cs typeface="MS PGothic" charset="0"/>
              </a:defRPr>
            </a:lvl1pPr>
          </a:lstStyle>
          <a:p>
            <a:fld id="{D57A3F99-8277-8C45-A01B-D18428486F62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9462" name="Picture 5"/>
          <p:cNvPicPr>
            <a:picLocks noChangeAspect="1" noChangeArrowheads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365250" y="5251450"/>
            <a:ext cx="1111250" cy="1476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85351" name="Rectangle 6"/>
          <p:cNvSpPr>
            <a:spLocks/>
          </p:cNvSpPr>
          <p:nvPr/>
        </p:nvSpPr>
        <p:spPr bwMode="auto">
          <a:xfrm>
            <a:off x="7799501" y="5522963"/>
            <a:ext cx="961802" cy="153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 anchor="ctr">
            <a:spAutoFit/>
          </a:bodyPr>
          <a:lstStyle>
            <a:lvl1pPr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1pPr>
            <a:lvl2pPr marL="742950" indent="-28575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2pPr>
            <a:lvl3pPr marL="1143000" indent="-22860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3pPr>
            <a:lvl4pPr marL="1600200" indent="-22860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4pPr>
            <a:lvl5pPr marL="2057400" indent="-22860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9pPr>
          </a:lstStyle>
          <a:p>
            <a:pPr eaLnBrk="1" hangingPunct="1">
              <a:defRPr/>
            </a:pPr>
            <a:r>
              <a:rPr lang="en-US" altLang="en-US" sz="1000" b="0" i="0" dirty="0">
                <a:solidFill>
                  <a:schemeClr val="tx1"/>
                </a:solidFill>
                <a:latin typeface="Helvetica Neue Regular" panose="02000503000000020004" pitchFamily="2" charset="0"/>
                <a:ea typeface="MS PGothic" pitchFamily="34" charset="-128"/>
                <a:cs typeface="+mn-cs"/>
              </a:rPr>
              <a:t>OCTOBER 2014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4982" r:id="rId1"/>
    <p:sldLayoutId id="2147484983" r:id="rId2"/>
    <p:sldLayoutId id="2147484984" r:id="rId3"/>
    <p:sldLayoutId id="2147484985" r:id="rId4"/>
    <p:sldLayoutId id="2147484986" r:id="rId5"/>
    <p:sldLayoutId id="2147484987" r:id="rId6"/>
    <p:sldLayoutId id="2147484988" r:id="rId7"/>
    <p:sldLayoutId id="2147484989" r:id="rId8"/>
    <p:sldLayoutId id="2147484990" r:id="rId9"/>
    <p:sldLayoutId id="2147484991" r:id="rId10"/>
    <p:sldLayoutId id="2147484992" r:id="rId11"/>
  </p:sldLayoutIdLst>
  <p:transition/>
  <p:hf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274638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1pPr>
      <a:lvl2pPr marL="463550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2pPr>
      <a:lvl3pPr marL="676275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3pPr>
      <a:lvl4pPr marL="890588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4pPr>
      <a:lvl5pPr marL="1104900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5pPr>
      <a:lvl6pPr marL="1324761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6pPr>
      <a:lvl7pPr marL="1544537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7pPr>
      <a:lvl8pPr marL="1764313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8pPr>
      <a:lvl9pPr marL="1984089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289" name="Text Box 1"/>
          <p:cNvSpPr txBox="1">
            <a:spLocks noGrp="1" noChangeArrowheads="1"/>
          </p:cNvSpPr>
          <p:nvPr>
            <p:ph type="sldNum" sz="quarter" idx="4"/>
          </p:nvPr>
        </p:nvSpPr>
        <p:spPr bwMode="auto">
          <a:xfrm>
            <a:off x="4451352" y="5486400"/>
            <a:ext cx="233363" cy="254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none" lIns="43955" tIns="21978" rIns="43955" bIns="21978" numCol="1" anchor="t" anchorCtr="0" compatLnSpc="1">
            <a:prstTxWarp prst="textNoShape">
              <a:avLst/>
            </a:prstTxWarp>
          </a:bodyPr>
          <a:lstStyle>
            <a:lvl1pPr>
              <a:defRPr sz="1200" b="0" i="0">
                <a:solidFill>
                  <a:schemeClr val="tx1"/>
                </a:solidFill>
                <a:latin typeface="Helvetica Neue Regular" panose="02000503000000020004" pitchFamily="2" charset="0"/>
                <a:ea typeface="MS PGothic" charset="0"/>
                <a:cs typeface="MS PGothic" charset="0"/>
              </a:defRPr>
            </a:lvl1pPr>
          </a:lstStyle>
          <a:p>
            <a:fld id="{67C2E736-D41E-6F49-A630-E3B0627535A1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4795" r:id="rId1"/>
    <p:sldLayoutId id="2147484796" r:id="rId2"/>
    <p:sldLayoutId id="2147484797" r:id="rId3"/>
    <p:sldLayoutId id="2147484798" r:id="rId4"/>
    <p:sldLayoutId id="2147484799" r:id="rId5"/>
    <p:sldLayoutId id="2147484800" r:id="rId6"/>
    <p:sldLayoutId id="2147484801" r:id="rId7"/>
    <p:sldLayoutId id="2147484802" r:id="rId8"/>
    <p:sldLayoutId id="2147484803" r:id="rId9"/>
    <p:sldLayoutId id="2147484804" r:id="rId10"/>
    <p:sldLayoutId id="2147484805" r:id="rId11"/>
  </p:sldLayoutIdLst>
  <p:transition/>
  <p:hf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274638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1pPr>
      <a:lvl2pPr marL="487363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2pPr>
      <a:lvl3pPr marL="701675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3pPr>
      <a:lvl4pPr marL="914400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4pPr>
      <a:lvl5pPr marL="1128713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5pPr>
      <a:lvl6pPr marL="1349181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6pPr>
      <a:lvl7pPr marL="1568957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7pPr>
      <a:lvl8pPr marL="1788733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8pPr>
      <a:lvl9pPr marL="2008509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0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21" name="Rectangle 1"/>
          <p:cNvSpPr>
            <a:spLocks noGrp="1" noChangeArrowheads="1"/>
          </p:cNvSpPr>
          <p:nvPr>
            <p:ph type="title"/>
          </p:nvPr>
        </p:nvSpPr>
        <p:spPr bwMode="auto">
          <a:xfrm>
            <a:off x="736600" y="304800"/>
            <a:ext cx="7683500" cy="971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>
                <a:sym typeface="Gill Sans Light" charset="0"/>
              </a:rPr>
              <a:t>Click to edit Master title style</a:t>
            </a:r>
          </a:p>
        </p:txBody>
      </p:sp>
      <p:sp>
        <p:nvSpPr>
          <p:cNvPr id="30722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4927600" y="1625600"/>
            <a:ext cx="3479800" cy="3352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>
                <a:sym typeface="Bradley Hand ITC TT-Bold" charset="0"/>
              </a:rPr>
              <a:t>Click to edit Master text styles</a:t>
            </a:r>
          </a:p>
          <a:p>
            <a:pPr lvl="1"/>
            <a:r>
              <a:rPr lang="en-US" dirty="0">
                <a:sym typeface="Bradley Hand ITC TT-Bold" charset="0"/>
              </a:rPr>
              <a:t>Second level</a:t>
            </a:r>
          </a:p>
          <a:p>
            <a:pPr lvl="2"/>
            <a:r>
              <a:rPr lang="en-US" dirty="0">
                <a:sym typeface="Bradley Hand ITC TT-Bold" charset="0"/>
              </a:rPr>
              <a:t>Third level</a:t>
            </a:r>
          </a:p>
          <a:p>
            <a:pPr lvl="3"/>
            <a:r>
              <a:rPr lang="en-US" dirty="0">
                <a:sym typeface="Bradley Hand ITC TT-Bold" charset="0"/>
              </a:rPr>
              <a:t>Fourth level</a:t>
            </a:r>
          </a:p>
          <a:p>
            <a:pPr lvl="4"/>
            <a:r>
              <a:rPr lang="en-US" dirty="0">
                <a:sym typeface="Bradley Hand ITC TT-Bold" charset="0"/>
              </a:rPr>
              <a:t>Fifth level</a:t>
            </a:r>
          </a:p>
        </p:txBody>
      </p:sp>
      <p:pic>
        <p:nvPicPr>
          <p:cNvPr id="20484" name="Picture 3"/>
          <p:cNvPicPr>
            <a:picLocks noChangeArrowheads="1"/>
          </p:cNvPicPr>
          <p:nvPr/>
        </p:nvPicPr>
        <p:blipFill>
          <a:blip r:embed="rId13">
            <a:alphaModFix amt="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670050" y="1460500"/>
            <a:ext cx="5803900" cy="31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>
                    <a:alpha val="70195"/>
                  </a:srgbClr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>
                    <a:alpha val="70195"/>
                  </a:srgbClr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ext Box 4"/>
          <p:cNvSpPr txBox="1">
            <a:spLocks noGrp="1" noChangeArrowheads="1"/>
          </p:cNvSpPr>
          <p:nvPr>
            <p:ph type="sldNum" sz="quarter" idx="4"/>
          </p:nvPr>
        </p:nvSpPr>
        <p:spPr bwMode="auto">
          <a:xfrm>
            <a:off x="4451352" y="5486400"/>
            <a:ext cx="233363" cy="254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none" lIns="43955" tIns="21978" rIns="43955" bIns="21978" numCol="1" anchor="t" anchorCtr="0" compatLnSpc="1">
            <a:prstTxWarp prst="textNoShape">
              <a:avLst/>
            </a:prstTxWarp>
          </a:bodyPr>
          <a:lstStyle>
            <a:lvl1pPr>
              <a:defRPr sz="1200" b="0" i="0">
                <a:solidFill>
                  <a:schemeClr val="tx1"/>
                </a:solidFill>
                <a:latin typeface="Helvetica Neue Regular" panose="02000503000000020004" pitchFamily="2" charset="0"/>
                <a:ea typeface="MS PGothic" charset="0"/>
                <a:cs typeface="MS PGothic" charset="0"/>
              </a:defRPr>
            </a:lvl1pPr>
          </a:lstStyle>
          <a:p>
            <a:fld id="{B2D25B2E-C7A3-6F4A-BA54-37EDFBEC56ED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4993" r:id="rId1"/>
    <p:sldLayoutId id="2147484994" r:id="rId2"/>
    <p:sldLayoutId id="2147484995" r:id="rId3"/>
    <p:sldLayoutId id="2147484996" r:id="rId4"/>
    <p:sldLayoutId id="2147484997" r:id="rId5"/>
    <p:sldLayoutId id="2147484998" r:id="rId6"/>
    <p:sldLayoutId id="2147484999" r:id="rId7"/>
    <p:sldLayoutId id="2147485000" r:id="rId8"/>
    <p:sldLayoutId id="2147485001" r:id="rId9"/>
    <p:sldLayoutId id="2147485002" r:id="rId10"/>
    <p:sldLayoutId id="2147485003" r:id="rId11"/>
  </p:sldLayoutIdLst>
  <p:transition/>
  <p:hf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274638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1pPr>
      <a:lvl2pPr marL="463550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2pPr>
      <a:lvl3pPr marL="676275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3pPr>
      <a:lvl4pPr marL="890588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4pPr>
      <a:lvl5pPr marL="1104900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5pPr>
      <a:lvl6pPr marL="1324761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6pPr>
      <a:lvl7pPr marL="1544537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7pPr>
      <a:lvl8pPr marL="1764313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8pPr>
      <a:lvl9pPr marL="1984089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745" name="Rectangle 1"/>
          <p:cNvSpPr>
            <a:spLocks noGrp="1" noChangeArrowheads="1"/>
          </p:cNvSpPr>
          <p:nvPr>
            <p:ph type="title"/>
          </p:nvPr>
        </p:nvSpPr>
        <p:spPr bwMode="auto">
          <a:xfrm>
            <a:off x="736600" y="304800"/>
            <a:ext cx="7683500" cy="971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>
                <a:sym typeface="Gill Sans Light" charset="0"/>
              </a:rPr>
              <a:t>Click to edit Master title style</a:t>
            </a:r>
          </a:p>
        </p:txBody>
      </p:sp>
      <p:pic>
        <p:nvPicPr>
          <p:cNvPr id="21507" name="Picture 2"/>
          <p:cNvPicPr>
            <a:picLocks noChangeArrowheads="1"/>
          </p:cNvPicPr>
          <p:nvPr/>
        </p:nvPicPr>
        <p:blipFill>
          <a:blip r:embed="rId13">
            <a:alphaModFix amt="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670050" y="1263650"/>
            <a:ext cx="5803900" cy="31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>
                    <a:alpha val="70195"/>
                  </a:srgbClr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>
                    <a:alpha val="70195"/>
                  </a:srgbClr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923925" y="1617663"/>
            <a:ext cx="3492500" cy="33575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>
                <a:sym typeface="Gill Sans" charset="0"/>
              </a:rPr>
              <a:t>Click to edit Master text styles</a:t>
            </a:r>
          </a:p>
          <a:p>
            <a:pPr lvl="1"/>
            <a:r>
              <a:rPr lang="en-US" dirty="0">
                <a:sym typeface="Gill Sans" charset="0"/>
              </a:rPr>
              <a:t>Second level</a:t>
            </a:r>
          </a:p>
          <a:p>
            <a:pPr lvl="2"/>
            <a:r>
              <a:rPr lang="en-US" dirty="0">
                <a:sym typeface="Gill Sans" charset="0"/>
              </a:rPr>
              <a:t>Third level</a:t>
            </a:r>
          </a:p>
          <a:p>
            <a:pPr lvl="3"/>
            <a:r>
              <a:rPr lang="en-US" dirty="0">
                <a:sym typeface="Gill Sans" charset="0"/>
              </a:rPr>
              <a:t>Fourth level</a:t>
            </a:r>
          </a:p>
          <a:p>
            <a:pPr lvl="4"/>
            <a:r>
              <a:rPr lang="en-US" dirty="0">
                <a:sym typeface="Gill Sans" charset="0"/>
              </a:rPr>
              <a:t>Fifth level</a:t>
            </a:r>
          </a:p>
        </p:txBody>
      </p:sp>
      <p:sp>
        <p:nvSpPr>
          <p:cNvPr id="31748" name="Text Box 4"/>
          <p:cNvSpPr txBox="1">
            <a:spLocks noGrp="1" noChangeArrowheads="1"/>
          </p:cNvSpPr>
          <p:nvPr>
            <p:ph type="sldNum" sz="quarter" idx="4"/>
          </p:nvPr>
        </p:nvSpPr>
        <p:spPr bwMode="auto">
          <a:xfrm>
            <a:off x="4745038" y="5486400"/>
            <a:ext cx="233362" cy="254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none" lIns="43955" tIns="21978" rIns="43955" bIns="21978" numCol="1" anchor="t" anchorCtr="0" compatLnSpc="1">
            <a:prstTxWarp prst="textNoShape">
              <a:avLst/>
            </a:prstTxWarp>
          </a:bodyPr>
          <a:lstStyle>
            <a:lvl1pPr>
              <a:defRPr sz="1200" b="0" i="0">
                <a:solidFill>
                  <a:schemeClr val="tx1"/>
                </a:solidFill>
                <a:latin typeface="Helvetica Neue Regular" panose="02000503000000020004" pitchFamily="2" charset="0"/>
                <a:ea typeface="MS PGothic" charset="0"/>
                <a:cs typeface="ヒラギノ角ゴ ProN W3" charset="0"/>
              </a:defRPr>
            </a:lvl1pPr>
          </a:lstStyle>
          <a:p>
            <a:fld id="{BB95497E-F983-F44C-87FF-04A0FD715E5A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21510" name="Picture 5"/>
          <p:cNvPicPr>
            <a:picLocks noChangeAspect="1" noChangeArrowheads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76350" y="5251450"/>
            <a:ext cx="1111250" cy="1476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9927" name="Rectangle 6"/>
          <p:cNvSpPr>
            <a:spLocks/>
          </p:cNvSpPr>
          <p:nvPr/>
        </p:nvSpPr>
        <p:spPr bwMode="auto">
          <a:xfrm>
            <a:off x="7936215" y="5522963"/>
            <a:ext cx="686787" cy="153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 anchor="ctr">
            <a:spAutoFit/>
          </a:bodyPr>
          <a:lstStyle>
            <a:lvl1pPr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1pPr>
            <a:lvl2pPr marL="742950" indent="-28575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2pPr>
            <a:lvl3pPr marL="1143000" indent="-22860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3pPr>
            <a:lvl4pPr marL="1600200" indent="-22860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4pPr>
            <a:lvl5pPr marL="2057400" indent="-22860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9pPr>
          </a:lstStyle>
          <a:p>
            <a:pPr eaLnBrk="1" hangingPunct="1">
              <a:defRPr/>
            </a:pPr>
            <a:r>
              <a:rPr lang="en-US" altLang="en-US" sz="1000" b="0" i="0" dirty="0">
                <a:solidFill>
                  <a:schemeClr val="tx1"/>
                </a:solidFill>
                <a:latin typeface="Helvetica Neue Regular" panose="02000503000000020004" pitchFamily="2" charset="0"/>
                <a:ea typeface="MS PGothic" pitchFamily="34" charset="-128"/>
                <a:cs typeface="+mn-cs"/>
              </a:rPr>
              <a:t>APRIL 2013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5004" r:id="rId1"/>
    <p:sldLayoutId id="2147485005" r:id="rId2"/>
    <p:sldLayoutId id="2147485006" r:id="rId3"/>
    <p:sldLayoutId id="2147485007" r:id="rId4"/>
    <p:sldLayoutId id="2147485008" r:id="rId5"/>
    <p:sldLayoutId id="2147485009" r:id="rId6"/>
    <p:sldLayoutId id="2147485010" r:id="rId7"/>
    <p:sldLayoutId id="2147485011" r:id="rId8"/>
    <p:sldLayoutId id="2147485012" r:id="rId9"/>
    <p:sldLayoutId id="2147485013" r:id="rId10"/>
    <p:sldLayoutId id="2147485014" r:id="rId11"/>
  </p:sldLayoutIdLst>
  <p:transition/>
  <p:hf hdr="0" ftr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l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l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l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l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274638" indent="-274638" algn="l" rtl="0" eaLnBrk="0" fontAlgn="base" hangingPunct="0">
        <a:lnSpc>
          <a:spcPct val="80000"/>
        </a:lnSpc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Helvetica Neue"/>
          <a:ea typeface="+mn-ea"/>
          <a:cs typeface="+mn-cs"/>
          <a:sym typeface="Gill Sans" charset="0"/>
        </a:defRPr>
      </a:lvl1pPr>
      <a:lvl2pPr marL="463550" indent="-274638" algn="l" rtl="0" eaLnBrk="0" fontAlgn="base" hangingPunct="0">
        <a:lnSpc>
          <a:spcPct val="90000"/>
        </a:lnSpc>
        <a:spcBef>
          <a:spcPts val="1825"/>
        </a:spcBef>
        <a:spcAft>
          <a:spcPct val="0"/>
        </a:spcAft>
        <a:buSzPct val="100000"/>
        <a:buChar char="•"/>
        <a:defRPr sz="1200">
          <a:solidFill>
            <a:schemeClr val="tx1"/>
          </a:solidFill>
          <a:latin typeface="Helvetica Neue"/>
          <a:ea typeface="+mn-ea"/>
          <a:cs typeface="+mn-cs"/>
          <a:sym typeface="Gill Sans" charset="0"/>
        </a:defRPr>
      </a:lvl2pPr>
      <a:lvl3pPr marL="676275" indent="-274638" algn="l" rtl="0" eaLnBrk="0" fontAlgn="base" hangingPunct="0">
        <a:spcBef>
          <a:spcPts val="913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Helvetica Neue"/>
          <a:ea typeface="+mn-ea"/>
          <a:cs typeface="+mn-cs"/>
          <a:sym typeface="Gill Sans" charset="0"/>
        </a:defRPr>
      </a:lvl3pPr>
      <a:lvl4pPr marL="890588" indent="-274638" algn="l" rtl="0" eaLnBrk="0" fontAlgn="base" hangingPunct="0">
        <a:lnSpc>
          <a:spcPct val="50000"/>
        </a:lnSpc>
        <a:spcBef>
          <a:spcPts val="1588"/>
        </a:spcBef>
        <a:spcAft>
          <a:spcPct val="0"/>
        </a:spcAft>
        <a:buSzPct val="100000"/>
        <a:buChar char="•"/>
        <a:defRPr sz="1200">
          <a:solidFill>
            <a:schemeClr val="tx1"/>
          </a:solidFill>
          <a:latin typeface="Helvetica Neue"/>
          <a:ea typeface="+mn-ea"/>
          <a:cs typeface="+mn-cs"/>
          <a:sym typeface="Gill Sans" charset="0"/>
        </a:defRPr>
      </a:lvl4pPr>
      <a:lvl5pPr marL="1104900" indent="-274638" algn="l" rtl="0" eaLnBrk="0" fontAlgn="base" hangingPunct="0">
        <a:lnSpc>
          <a:spcPct val="50000"/>
        </a:lnSpc>
        <a:spcBef>
          <a:spcPts val="1588"/>
        </a:spcBef>
        <a:spcAft>
          <a:spcPct val="0"/>
        </a:spcAft>
        <a:buSzPct val="100000"/>
        <a:buChar char="•"/>
        <a:defRPr sz="1200">
          <a:solidFill>
            <a:schemeClr val="tx1"/>
          </a:solidFill>
          <a:latin typeface="Helvetica Neue"/>
          <a:ea typeface="+mn-ea"/>
          <a:cs typeface="+mn-cs"/>
          <a:sym typeface="Gill Sans" charset="0"/>
        </a:defRPr>
      </a:lvl5pPr>
      <a:lvl6pPr marL="1324761" indent="-274720" algn="l" rtl="0" fontAlgn="base">
        <a:lnSpc>
          <a:spcPct val="50000"/>
        </a:lnSpc>
        <a:spcBef>
          <a:spcPts val="1586"/>
        </a:spcBef>
        <a:spcAft>
          <a:spcPct val="0"/>
        </a:spcAft>
        <a:buSzPct val="100000"/>
        <a:buChar char="•"/>
        <a:defRPr sz="1200">
          <a:solidFill>
            <a:schemeClr val="tx1"/>
          </a:solidFill>
          <a:latin typeface="+mn-lt"/>
          <a:ea typeface="+mn-ea"/>
          <a:cs typeface="+mn-cs"/>
          <a:sym typeface="Gill Sans" charset="0"/>
        </a:defRPr>
      </a:lvl6pPr>
      <a:lvl7pPr marL="1544537" indent="-274720" algn="l" rtl="0" fontAlgn="base">
        <a:lnSpc>
          <a:spcPct val="50000"/>
        </a:lnSpc>
        <a:spcBef>
          <a:spcPts val="1586"/>
        </a:spcBef>
        <a:spcAft>
          <a:spcPct val="0"/>
        </a:spcAft>
        <a:buSzPct val="100000"/>
        <a:buChar char="•"/>
        <a:defRPr sz="1200">
          <a:solidFill>
            <a:schemeClr val="tx1"/>
          </a:solidFill>
          <a:latin typeface="+mn-lt"/>
          <a:ea typeface="+mn-ea"/>
          <a:cs typeface="+mn-cs"/>
          <a:sym typeface="Gill Sans" charset="0"/>
        </a:defRPr>
      </a:lvl7pPr>
      <a:lvl8pPr marL="1764313" indent="-274720" algn="l" rtl="0" fontAlgn="base">
        <a:lnSpc>
          <a:spcPct val="50000"/>
        </a:lnSpc>
        <a:spcBef>
          <a:spcPts val="1586"/>
        </a:spcBef>
        <a:spcAft>
          <a:spcPct val="0"/>
        </a:spcAft>
        <a:buSzPct val="100000"/>
        <a:buChar char="•"/>
        <a:defRPr sz="1200">
          <a:solidFill>
            <a:schemeClr val="tx1"/>
          </a:solidFill>
          <a:latin typeface="+mn-lt"/>
          <a:ea typeface="+mn-ea"/>
          <a:cs typeface="+mn-cs"/>
          <a:sym typeface="Gill Sans" charset="0"/>
        </a:defRPr>
      </a:lvl8pPr>
      <a:lvl9pPr marL="1984089" indent="-274720" algn="l" rtl="0" fontAlgn="base">
        <a:lnSpc>
          <a:spcPct val="50000"/>
        </a:lnSpc>
        <a:spcBef>
          <a:spcPts val="1586"/>
        </a:spcBef>
        <a:spcAft>
          <a:spcPct val="0"/>
        </a:spcAft>
        <a:buSzPct val="100000"/>
        <a:buChar char="•"/>
        <a:defRPr sz="1200">
          <a:solidFill>
            <a:schemeClr val="tx1"/>
          </a:solidFill>
          <a:latin typeface="+mn-lt"/>
          <a:ea typeface="+mn-ea"/>
          <a:cs typeface="+mn-cs"/>
          <a:sym typeface="Gill Sans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769" name="Rectangle 1"/>
          <p:cNvSpPr>
            <a:spLocks noGrp="1" noChangeArrowheads="1"/>
          </p:cNvSpPr>
          <p:nvPr>
            <p:ph type="title"/>
          </p:nvPr>
        </p:nvSpPr>
        <p:spPr bwMode="auto">
          <a:xfrm>
            <a:off x="736600" y="1739900"/>
            <a:ext cx="7683500" cy="19367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>
                <a:sym typeface="Gill Sans Light" charset="0"/>
              </a:rPr>
              <a:t>Click to edit Master title style</a:t>
            </a:r>
          </a:p>
        </p:txBody>
      </p:sp>
      <p:sp>
        <p:nvSpPr>
          <p:cNvPr id="32770" name="Text Box 2"/>
          <p:cNvSpPr txBox="1">
            <a:spLocks noGrp="1" noChangeArrowheads="1"/>
          </p:cNvSpPr>
          <p:nvPr>
            <p:ph type="sldNum" sz="quarter" idx="4"/>
          </p:nvPr>
        </p:nvSpPr>
        <p:spPr bwMode="auto">
          <a:xfrm>
            <a:off x="4451352" y="5486400"/>
            <a:ext cx="233363" cy="254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none" lIns="43955" tIns="21978" rIns="43955" bIns="21978" numCol="1" anchor="t" anchorCtr="0" compatLnSpc="1">
            <a:prstTxWarp prst="textNoShape">
              <a:avLst/>
            </a:prstTxWarp>
          </a:bodyPr>
          <a:lstStyle>
            <a:lvl1pPr>
              <a:defRPr sz="1200" b="0" i="0">
                <a:solidFill>
                  <a:schemeClr val="tx1"/>
                </a:solidFill>
                <a:latin typeface="Helvetica Neue Regular" panose="02000503000000020004" pitchFamily="2" charset="0"/>
                <a:ea typeface="MS PGothic" charset="0"/>
                <a:cs typeface="MS PGothic" charset="0"/>
              </a:defRPr>
            </a:lvl1pPr>
          </a:lstStyle>
          <a:p>
            <a:fld id="{6CC78CA0-2033-C24A-AD49-C61950AF2599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5015" r:id="rId1"/>
    <p:sldLayoutId id="2147485016" r:id="rId2"/>
    <p:sldLayoutId id="2147485017" r:id="rId3"/>
    <p:sldLayoutId id="2147485018" r:id="rId4"/>
    <p:sldLayoutId id="2147485019" r:id="rId5"/>
    <p:sldLayoutId id="2147485020" r:id="rId6"/>
    <p:sldLayoutId id="2147485021" r:id="rId7"/>
    <p:sldLayoutId id="2147485022" r:id="rId8"/>
    <p:sldLayoutId id="2147485023" r:id="rId9"/>
    <p:sldLayoutId id="2147485024" r:id="rId10"/>
    <p:sldLayoutId id="2147485025" r:id="rId11"/>
  </p:sldLayoutIdLst>
  <p:transition/>
  <p:hf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274638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1pPr>
      <a:lvl2pPr marL="487363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2pPr>
      <a:lvl3pPr marL="701675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3pPr>
      <a:lvl4pPr marL="914400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4pPr>
      <a:lvl5pPr marL="1128713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5pPr>
      <a:lvl6pPr marL="1349181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6pPr>
      <a:lvl7pPr marL="1568957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7pPr>
      <a:lvl8pPr marL="1788733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8pPr>
      <a:lvl9pPr marL="2008509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793" name="Rectangle 1"/>
          <p:cNvSpPr>
            <a:spLocks noGrp="1" noChangeArrowheads="1"/>
          </p:cNvSpPr>
          <p:nvPr>
            <p:ph type="title"/>
          </p:nvPr>
        </p:nvSpPr>
        <p:spPr bwMode="auto">
          <a:xfrm>
            <a:off x="736600" y="304800"/>
            <a:ext cx="7683500" cy="971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>
                <a:sym typeface="Gill Sans Light" charset="0"/>
              </a:rPr>
              <a:t>Click to edit Master title style</a:t>
            </a:r>
          </a:p>
        </p:txBody>
      </p:sp>
      <p:pic>
        <p:nvPicPr>
          <p:cNvPr id="23555" name="Picture 2"/>
          <p:cNvPicPr>
            <a:picLocks noChangeArrowheads="1"/>
          </p:cNvPicPr>
          <p:nvPr/>
        </p:nvPicPr>
        <p:blipFill>
          <a:blip r:embed="rId13">
            <a:alphaModFix amt="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670050" y="1276350"/>
            <a:ext cx="5803900" cy="31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>
                    <a:alpha val="70195"/>
                  </a:srgbClr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>
                    <a:alpha val="70195"/>
                  </a:srgbClr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736600" y="1625600"/>
            <a:ext cx="3479800" cy="3352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>
                <a:sym typeface="Gill Sans" charset="0"/>
              </a:rPr>
              <a:t>Click to edit Master text styles</a:t>
            </a:r>
          </a:p>
          <a:p>
            <a:pPr lvl="1"/>
            <a:r>
              <a:rPr lang="en-US" dirty="0">
                <a:sym typeface="Gill Sans" charset="0"/>
              </a:rPr>
              <a:t>Second level</a:t>
            </a:r>
          </a:p>
          <a:p>
            <a:pPr lvl="2"/>
            <a:r>
              <a:rPr lang="en-US" dirty="0">
                <a:sym typeface="Gill Sans" charset="0"/>
              </a:rPr>
              <a:t>Third level</a:t>
            </a:r>
          </a:p>
          <a:p>
            <a:pPr lvl="3"/>
            <a:r>
              <a:rPr lang="en-US" dirty="0">
                <a:sym typeface="Gill Sans" charset="0"/>
              </a:rPr>
              <a:t>Fourth level</a:t>
            </a:r>
          </a:p>
          <a:p>
            <a:pPr lvl="4"/>
            <a:r>
              <a:rPr lang="en-US" dirty="0">
                <a:sym typeface="Gill Sans" charset="0"/>
              </a:rPr>
              <a:t>Fifth level</a:t>
            </a:r>
          </a:p>
        </p:txBody>
      </p:sp>
      <p:pic>
        <p:nvPicPr>
          <p:cNvPr id="23557" name="Picture 4"/>
          <p:cNvPicPr>
            <a:picLocks noChangeAspect="1" noChangeArrowheads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365250" y="5251450"/>
            <a:ext cx="1111250" cy="1476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4502" name="Rectangle 5"/>
          <p:cNvSpPr>
            <a:spLocks/>
          </p:cNvSpPr>
          <p:nvPr/>
        </p:nvSpPr>
        <p:spPr bwMode="auto">
          <a:xfrm>
            <a:off x="7824901" y="5516613"/>
            <a:ext cx="961802" cy="153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 anchor="ctr">
            <a:spAutoFit/>
          </a:bodyPr>
          <a:lstStyle>
            <a:lvl1pPr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1pPr>
            <a:lvl2pPr marL="742950" indent="-28575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2pPr>
            <a:lvl3pPr marL="1143000" indent="-22860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3pPr>
            <a:lvl4pPr marL="1600200" indent="-22860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4pPr>
            <a:lvl5pPr marL="2057400" indent="-22860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9pPr>
          </a:lstStyle>
          <a:p>
            <a:pPr eaLnBrk="1" hangingPunct="1">
              <a:defRPr/>
            </a:pPr>
            <a:r>
              <a:rPr lang="en-US" altLang="en-US" sz="1000" b="0" i="0" dirty="0">
                <a:solidFill>
                  <a:schemeClr val="tx1"/>
                </a:solidFill>
                <a:latin typeface="Helvetica Neue Regular" panose="02000503000000020004" pitchFamily="2" charset="0"/>
                <a:ea typeface="MS PGothic" pitchFamily="34" charset="-128"/>
                <a:cs typeface="+mn-cs"/>
              </a:rPr>
              <a:t>OCTOBER 2014</a:t>
            </a:r>
          </a:p>
        </p:txBody>
      </p:sp>
      <p:sp>
        <p:nvSpPr>
          <p:cNvPr id="3" name="Text Box 6"/>
          <p:cNvSpPr txBox="1">
            <a:spLocks noGrp="1" noChangeArrowheads="1"/>
          </p:cNvSpPr>
          <p:nvPr>
            <p:ph type="sldNum" sz="quarter" idx="4"/>
          </p:nvPr>
        </p:nvSpPr>
        <p:spPr bwMode="auto">
          <a:xfrm>
            <a:off x="4451352" y="5486400"/>
            <a:ext cx="233363" cy="254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none" lIns="43955" tIns="21978" rIns="43955" bIns="21978" numCol="1" anchor="t" anchorCtr="0" compatLnSpc="1">
            <a:prstTxWarp prst="textNoShape">
              <a:avLst/>
            </a:prstTxWarp>
          </a:bodyPr>
          <a:lstStyle>
            <a:lvl1pPr>
              <a:defRPr sz="1200" b="0" i="0">
                <a:solidFill>
                  <a:schemeClr val="tx1"/>
                </a:solidFill>
                <a:latin typeface="Helvetica Neue Regular" panose="02000503000000020004" pitchFamily="2" charset="0"/>
                <a:ea typeface="MS PGothic" charset="0"/>
                <a:cs typeface="ヒラギノ角ゴ ProN W3" charset="0"/>
              </a:defRPr>
            </a:lvl1pPr>
          </a:lstStyle>
          <a:p>
            <a:fld id="{9C85B738-518D-A341-B7BA-09F53970FF00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5026" r:id="rId1"/>
    <p:sldLayoutId id="2147485027" r:id="rId2"/>
    <p:sldLayoutId id="2147485028" r:id="rId3"/>
    <p:sldLayoutId id="2147485029" r:id="rId4"/>
    <p:sldLayoutId id="2147485030" r:id="rId5"/>
    <p:sldLayoutId id="2147485031" r:id="rId6"/>
    <p:sldLayoutId id="2147485032" r:id="rId7"/>
    <p:sldLayoutId id="2147485033" r:id="rId8"/>
    <p:sldLayoutId id="2147485034" r:id="rId9"/>
    <p:sldLayoutId id="2147485035" r:id="rId10"/>
    <p:sldLayoutId id="2147485036" r:id="rId11"/>
  </p:sldLayoutIdLst>
  <p:transition/>
  <p:hf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274638" indent="-274638" algn="l" rtl="0" eaLnBrk="0" fontAlgn="base" hangingPunct="0">
        <a:spcBef>
          <a:spcPts val="913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Helvetica Neue"/>
          <a:ea typeface="+mn-ea"/>
          <a:cs typeface="+mn-cs"/>
          <a:sym typeface="Gill Sans" charset="0"/>
        </a:defRPr>
      </a:lvl1pPr>
      <a:lvl2pPr marL="463550" indent="-274638" algn="l" rtl="0" eaLnBrk="0" fontAlgn="base" hangingPunct="0">
        <a:spcBef>
          <a:spcPts val="913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Helvetica Neue"/>
          <a:ea typeface="+mn-ea"/>
          <a:cs typeface="+mn-cs"/>
          <a:sym typeface="Gill Sans" charset="0"/>
        </a:defRPr>
      </a:lvl2pPr>
      <a:lvl3pPr marL="676275" indent="-274638" algn="l" rtl="0" eaLnBrk="0" fontAlgn="base" hangingPunct="0">
        <a:spcBef>
          <a:spcPts val="913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Helvetica Neue"/>
          <a:ea typeface="+mn-ea"/>
          <a:cs typeface="+mn-cs"/>
          <a:sym typeface="Gill Sans" charset="0"/>
        </a:defRPr>
      </a:lvl3pPr>
      <a:lvl4pPr marL="890588" indent="-274638" algn="l" rtl="0" eaLnBrk="0" fontAlgn="base" hangingPunct="0">
        <a:spcBef>
          <a:spcPts val="913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Helvetica Neue"/>
          <a:ea typeface="+mn-ea"/>
          <a:cs typeface="+mn-cs"/>
          <a:sym typeface="Gill Sans" charset="0"/>
        </a:defRPr>
      </a:lvl4pPr>
      <a:lvl5pPr marL="1104900" indent="-274638" algn="l" rtl="0" eaLnBrk="0" fontAlgn="base" hangingPunct="0">
        <a:spcBef>
          <a:spcPts val="913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Helvetica Neue"/>
          <a:ea typeface="+mn-ea"/>
          <a:cs typeface="+mn-cs"/>
          <a:sym typeface="Gill Sans" charset="0"/>
        </a:defRPr>
      </a:lvl5pPr>
      <a:lvl6pPr marL="1324761" indent="-274720" algn="l" rtl="0" fontAlgn="base">
        <a:spcBef>
          <a:spcPts val="913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Gill Sans" charset="0"/>
        </a:defRPr>
      </a:lvl6pPr>
      <a:lvl7pPr marL="1544537" indent="-274720" algn="l" rtl="0" fontAlgn="base">
        <a:spcBef>
          <a:spcPts val="913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Gill Sans" charset="0"/>
        </a:defRPr>
      </a:lvl7pPr>
      <a:lvl8pPr marL="1764313" indent="-274720" algn="l" rtl="0" fontAlgn="base">
        <a:spcBef>
          <a:spcPts val="913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Gill Sans" charset="0"/>
        </a:defRPr>
      </a:lvl8pPr>
      <a:lvl9pPr marL="1984089" indent="-274720" algn="l" rtl="0" fontAlgn="base">
        <a:spcBef>
          <a:spcPts val="913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Gill Sans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2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reeform 6"/>
          <p:cNvSpPr>
            <a:spLocks/>
          </p:cNvSpPr>
          <p:nvPr/>
        </p:nvSpPr>
        <p:spPr bwMode="auto">
          <a:xfrm>
            <a:off x="-9525" y="-6350"/>
            <a:ext cx="9163050" cy="868363"/>
          </a:xfrm>
          <a:custGeom>
            <a:avLst>
              <a:gd name="A1" fmla="val 0"/>
              <a:gd name="A2" fmla="val 0"/>
              <a:gd name="A3" fmla="val 0"/>
              <a:gd name="A4" fmla="val 0"/>
              <a:gd name="A5" fmla="val 0"/>
              <a:gd name="A6" fmla="val 0"/>
              <a:gd name="A7" fmla="val 0"/>
              <a:gd name="A8" fmla="val 0"/>
            </a:avLst>
            <a:gdLst/>
            <a:ahLst/>
            <a:cxnLst>
              <a:cxn ang="0">
                <a:pos x="6" y="2"/>
              </a:cxn>
              <a:cxn ang="0">
                <a:pos x="2542" y="0"/>
              </a:cxn>
              <a:cxn ang="0">
                <a:pos x="4374" y="367"/>
              </a:cxn>
              <a:cxn ang="0">
                <a:pos x="5766" y="55"/>
              </a:cxn>
              <a:cxn ang="0">
                <a:pos x="5772" y="213"/>
              </a:cxn>
              <a:cxn ang="0">
                <a:pos x="4302" y="439"/>
              </a:cxn>
              <a:cxn ang="0">
                <a:pos x="1488" y="201"/>
              </a:cxn>
              <a:cxn ang="0">
                <a:pos x="0" y="656"/>
              </a:cxn>
              <a:cxn ang="0">
                <a:pos x="6" y="2"/>
              </a:cxn>
            </a:cxnLst>
            <a:rect l="0" t="0" r="0" b="0"/>
            <a:pathLst>
              <a:path w="5772" h="656">
                <a:moveTo>
                  <a:pt x="6" y="2"/>
                </a:moveTo>
                <a:lnTo>
                  <a:pt x="2542" y="0"/>
                </a:lnTo>
                <a:cubicBezTo>
                  <a:pt x="2746" y="101"/>
                  <a:pt x="3828" y="367"/>
                  <a:pt x="4374" y="367"/>
                </a:cubicBezTo>
                <a:cubicBezTo>
                  <a:pt x="4920" y="367"/>
                  <a:pt x="5526" y="152"/>
                  <a:pt x="5766" y="55"/>
                </a:cubicBezTo>
                <a:lnTo>
                  <a:pt x="5772" y="213"/>
                </a:lnTo>
                <a:cubicBezTo>
                  <a:pt x="5670" y="257"/>
                  <a:pt x="5016" y="441"/>
                  <a:pt x="4302" y="439"/>
                </a:cubicBezTo>
                <a:cubicBezTo>
                  <a:pt x="3588" y="437"/>
                  <a:pt x="2205" y="165"/>
                  <a:pt x="1488" y="201"/>
                </a:cubicBezTo>
                <a:cubicBezTo>
                  <a:pt x="750" y="209"/>
                  <a:pt x="270" y="482"/>
                  <a:pt x="0" y="656"/>
                </a:cubicBezTo>
                <a:lnTo>
                  <a:pt x="6" y="2"/>
                </a:lnTo>
                <a:close/>
              </a:path>
            </a:pathLst>
          </a:custGeom>
          <a:gradFill>
            <a:gsLst>
              <a:gs pos="0">
                <a:schemeClr val="accent2">
                  <a:shade val="50000"/>
                  <a:alpha val="45000"/>
                  <a:satMod val="120000"/>
                </a:schemeClr>
              </a:gs>
              <a:gs pos="100000">
                <a:schemeClr val="accent3">
                  <a:shade val="80000"/>
                  <a:alpha val="55000"/>
                  <a:satMod val="155000"/>
                </a:schemeClr>
              </a:gs>
            </a:gsLst>
            <a:lin ang="5400000" scaled="1"/>
          </a:gra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/>
          <a:lstStyle/>
          <a:p>
            <a:pPr algn="l">
              <a:defRPr/>
            </a:pPr>
            <a:endParaRPr lang="en-US" dirty="0">
              <a:solidFill>
                <a:schemeClr val="tx1"/>
              </a:solidFill>
              <a:latin typeface="Helvetica Neue"/>
              <a:ea typeface="+mn-ea"/>
              <a:cs typeface="+mn-cs"/>
              <a:sym typeface="Bradley Hand ITC TT-Bold" pitchFamily="-84" charset="0"/>
            </a:endParaRPr>
          </a:p>
        </p:txBody>
      </p:sp>
      <p:sp>
        <p:nvSpPr>
          <p:cNvPr id="8" name="Freeform 7"/>
          <p:cNvSpPr>
            <a:spLocks/>
          </p:cNvSpPr>
          <p:nvPr/>
        </p:nvSpPr>
        <p:spPr bwMode="auto">
          <a:xfrm>
            <a:off x="4381500" y="-6350"/>
            <a:ext cx="4762500" cy="531813"/>
          </a:xfrm>
          <a:custGeom>
            <a:avLst>
              <a:gd name="A1" fmla="val 0"/>
              <a:gd name="A2" fmla="val 0"/>
              <a:gd name="A3" fmla="val 0"/>
              <a:gd name="A4" fmla="val 0"/>
              <a:gd name="A5" fmla="val 0"/>
              <a:gd name="A6" fmla="val 0"/>
              <a:gd name="A7" fmla="val 0"/>
              <a:gd name="A8" fmla="val 0"/>
            </a:avLst>
            <a:gdLst/>
            <a:ahLst/>
            <a:cxnLst>
              <a:cxn ang="0">
                <a:pos x="0" y="0"/>
              </a:cxn>
              <a:cxn ang="0">
                <a:pos x="1668" y="564"/>
              </a:cxn>
              <a:cxn ang="0">
                <a:pos x="3000" y="186"/>
              </a:cxn>
              <a:cxn ang="0">
                <a:pos x="3000" y="6"/>
              </a:cxn>
              <a:cxn ang="0">
                <a:pos x="0" y="0"/>
              </a:cxn>
            </a:cxnLst>
            <a:rect l="0" t="0" r="0" b="0"/>
            <a:pathLst>
              <a:path w="3000" h="595">
                <a:moveTo>
                  <a:pt x="0" y="0"/>
                </a:moveTo>
                <a:cubicBezTo>
                  <a:pt x="174" y="102"/>
                  <a:pt x="1168" y="533"/>
                  <a:pt x="1668" y="564"/>
                </a:cubicBezTo>
                <a:cubicBezTo>
                  <a:pt x="2168" y="595"/>
                  <a:pt x="2778" y="279"/>
                  <a:pt x="3000" y="186"/>
                </a:cubicBezTo>
                <a:lnTo>
                  <a:pt x="3000" y="6"/>
                </a:lnTo>
                <a:lnTo>
                  <a:pt x="0" y="0"/>
                </a:lnTo>
                <a:close/>
              </a:path>
            </a:pathLst>
          </a:custGeom>
          <a:gradFill>
            <a:gsLst>
              <a:gs pos="0">
                <a:schemeClr val="accent3">
                  <a:shade val="50000"/>
                  <a:alpha val="30000"/>
                  <a:satMod val="130000"/>
                </a:schemeClr>
              </a:gs>
              <a:gs pos="80000">
                <a:schemeClr val="accent2">
                  <a:shade val="75000"/>
                  <a:alpha val="45000"/>
                  <a:satMod val="140000"/>
                </a:schemeClr>
              </a:gs>
            </a:gsLst>
            <a:lin ang="5400000" scaled="1"/>
          </a:gra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/>
          <a:lstStyle/>
          <a:p>
            <a:pPr algn="l">
              <a:defRPr/>
            </a:pPr>
            <a:endParaRPr lang="en-US" dirty="0">
              <a:solidFill>
                <a:schemeClr val="tx1"/>
              </a:solidFill>
              <a:latin typeface="Helvetica Neue"/>
              <a:ea typeface="+mn-ea"/>
              <a:cs typeface="+mn-cs"/>
              <a:sym typeface="Bradley Hand ITC TT-Bold" pitchFamily="-84" charset="0"/>
            </a:endParaRPr>
          </a:p>
        </p:txBody>
      </p:sp>
      <p:sp>
        <p:nvSpPr>
          <p:cNvPr id="25604" name="Title Placeholder 8"/>
          <p:cNvSpPr>
            <a:spLocks noGrp="1"/>
          </p:cNvSpPr>
          <p:nvPr>
            <p:ph type="title"/>
          </p:nvPr>
        </p:nvSpPr>
        <p:spPr bwMode="auto">
          <a:xfrm>
            <a:off x="457200" y="587375"/>
            <a:ext cx="8229600" cy="952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0" tIns="4572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/>
              <a:t>Click to edit Master title style</a:t>
            </a:r>
          </a:p>
        </p:txBody>
      </p:sp>
      <p:sp>
        <p:nvSpPr>
          <p:cNvPr id="25605" name="Text Placeholder 29"/>
          <p:cNvSpPr>
            <a:spLocks noGrp="1"/>
          </p:cNvSpPr>
          <p:nvPr>
            <p:ph type="body" idx="1"/>
          </p:nvPr>
        </p:nvSpPr>
        <p:spPr bwMode="auto">
          <a:xfrm>
            <a:off x="457200" y="1612900"/>
            <a:ext cx="8229600" cy="3657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0" name="Date Placeholder 9"/>
          <p:cNvSpPr>
            <a:spLocks noGrp="1"/>
          </p:cNvSpPr>
          <p:nvPr>
            <p:ph type="dt" sz="half" idx="2"/>
          </p:nvPr>
        </p:nvSpPr>
        <p:spPr>
          <a:xfrm>
            <a:off x="457200" y="5297488"/>
            <a:ext cx="2133600" cy="303212"/>
          </a:xfrm>
          <a:prstGeom prst="rect">
            <a:avLst/>
          </a:prstGeom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algn="l">
              <a:defRPr sz="1200" b="0" i="0">
                <a:solidFill>
                  <a:srgbClr val="D1EAEE"/>
                </a:solidFill>
                <a:latin typeface="Helvetica Neue Regular" panose="02000503000000020004" pitchFamily="2" charset="0"/>
              </a:defRPr>
            </a:lvl1pPr>
          </a:lstStyle>
          <a:p>
            <a:r>
              <a:rPr lang="en-US" dirty="0"/>
              <a:t>8/17</a:t>
            </a:r>
          </a:p>
        </p:txBody>
      </p:sp>
      <p:sp>
        <p:nvSpPr>
          <p:cNvPr id="22" name="Footer Placeholder 21"/>
          <p:cNvSpPr>
            <a:spLocks noGrp="1"/>
          </p:cNvSpPr>
          <p:nvPr>
            <p:ph type="ftr" sz="quarter" idx="3"/>
          </p:nvPr>
        </p:nvSpPr>
        <p:spPr>
          <a:xfrm>
            <a:off x="2667000" y="5297488"/>
            <a:ext cx="3352800" cy="303212"/>
          </a:xfrm>
          <a:prstGeom prst="rect">
            <a:avLst/>
          </a:prstGeom>
        </p:spPr>
        <p:txBody>
          <a:bodyPr vert="horz" lIns="0" tIns="0" rIns="0" bIns="0" anchor="b"/>
          <a:lstStyle>
            <a:lvl1pPr algn="l" eaLnBrk="1" latinLnBrk="0" hangingPunct="1">
              <a:defRPr kumimoji="0" sz="1200" b="0" i="0">
                <a:solidFill>
                  <a:schemeClr val="tx2">
                    <a:shade val="90000"/>
                  </a:schemeClr>
                </a:solidFill>
                <a:latin typeface="Helvetica Neue Regular" panose="02000503000000020004" pitchFamily="2" charset="0"/>
                <a:ea typeface="ヒラギノ明朝 ProN W3" charset="-128"/>
                <a:cs typeface="+mn-cs"/>
                <a:sym typeface="Bradley Hand ITC TT-Bold" pitchFamily="-84" charset="0"/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8" name="Slide Number Placeholder 17"/>
          <p:cNvSpPr>
            <a:spLocks noGrp="1"/>
          </p:cNvSpPr>
          <p:nvPr>
            <p:ph type="sldNum" sz="quarter" idx="4"/>
          </p:nvPr>
        </p:nvSpPr>
        <p:spPr>
          <a:xfrm>
            <a:off x="7924800" y="5297488"/>
            <a:ext cx="762000" cy="303212"/>
          </a:xfrm>
          <a:prstGeom prst="rect">
            <a:avLst/>
          </a:prstGeom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algn="r">
              <a:defRPr sz="1200" b="0" i="0">
                <a:solidFill>
                  <a:srgbClr val="D1EAEE"/>
                </a:solidFill>
                <a:latin typeface="Helvetica Neue Regular" panose="02000503000000020004" pitchFamily="2" charset="0"/>
              </a:defRPr>
            </a:lvl1pPr>
          </a:lstStyle>
          <a:p>
            <a:fld id="{55264275-1ABD-F64F-876E-7611AD4BE5CD}" type="slidenum">
              <a:rPr lang="en-US" smtClean="0"/>
              <a:pPr/>
              <a:t>‹#›</a:t>
            </a:fld>
            <a:endParaRPr lang="en-US" dirty="0"/>
          </a:p>
        </p:txBody>
      </p:sp>
      <p:grpSp>
        <p:nvGrpSpPr>
          <p:cNvPr id="25609" name="Group 1"/>
          <p:cNvGrpSpPr>
            <a:grpSpLocks/>
          </p:cNvGrpSpPr>
          <p:nvPr/>
        </p:nvGrpSpPr>
        <p:grpSpPr bwMode="auto">
          <a:xfrm>
            <a:off x="-19050" y="168275"/>
            <a:ext cx="9180513" cy="541338"/>
            <a:chOff x="-19045" y="216550"/>
            <a:chExt cx="9180548" cy="649224"/>
          </a:xfrm>
        </p:grpSpPr>
        <p:sp>
          <p:nvSpPr>
            <p:cNvPr id="12" name="Freeform 11"/>
            <p:cNvSpPr>
              <a:spLocks/>
            </p:cNvSpPr>
            <p:nvPr/>
          </p:nvSpPr>
          <p:spPr bwMode="auto">
            <a:xfrm rot="21435692">
              <a:off x="-19045" y="216550"/>
              <a:ext cx="9163050" cy="649224"/>
            </a:xfrm>
            <a:custGeom>
              <a:avLst>
                <a:gd name="A1" fmla="val 0"/>
                <a:gd name="A2" fmla="val 0"/>
                <a:gd name="A3" fmla="val 0"/>
                <a:gd name="A4" fmla="val 0"/>
                <a:gd name="A5" fmla="val 0"/>
                <a:gd name="A6" fmla="val 0"/>
                <a:gd name="A7" fmla="val 0"/>
                <a:gd name="A8" fmla="val 0"/>
              </a:avLst>
              <a:gdLst/>
              <a:ahLst/>
              <a:cxnLst>
                <a:cxn ang="0">
                  <a:pos x="0" y="966"/>
                </a:cxn>
                <a:cxn ang="0">
                  <a:pos x="1608" y="282"/>
                </a:cxn>
                <a:cxn ang="0">
                  <a:pos x="4110" y="1008"/>
                </a:cxn>
                <a:cxn ang="0">
                  <a:pos x="5772" y="0"/>
                </a:cxn>
              </a:cxnLst>
              <a:rect l="0" t="0" r="0" b="0"/>
              <a:pathLst>
                <a:path w="5772" h="1055">
                  <a:moveTo>
                    <a:pt x="0" y="966"/>
                  </a:moveTo>
                  <a:cubicBezTo>
                    <a:pt x="282" y="738"/>
                    <a:pt x="923" y="275"/>
                    <a:pt x="1608" y="282"/>
                  </a:cubicBezTo>
                  <a:cubicBezTo>
                    <a:pt x="2293" y="289"/>
                    <a:pt x="3416" y="1055"/>
                    <a:pt x="4110" y="1008"/>
                  </a:cubicBezTo>
                  <a:cubicBezTo>
                    <a:pt x="4804" y="961"/>
                    <a:pt x="5426" y="210"/>
                    <a:pt x="5772" y="0"/>
                  </a:cubicBezTo>
                </a:path>
              </a:pathLst>
            </a:custGeom>
            <a:noFill/>
            <a:ln w="10795" cap="flat" cmpd="sng" algn="ctr">
              <a:gradFill>
                <a:gsLst>
                  <a:gs pos="74000">
                    <a:schemeClr val="accent3">
                      <a:shade val="75000"/>
                    </a:schemeClr>
                  </a:gs>
                  <a:gs pos="86000">
                    <a:schemeClr val="tx1">
                      <a:alpha val="29000"/>
                    </a:schemeClr>
                  </a:gs>
                  <a:gs pos="16000">
                    <a:schemeClr val="accent2">
                      <a:shade val="75000"/>
                      <a:alpha val="56000"/>
                    </a:schemeClr>
                  </a:gs>
                </a:gsLst>
                <a:lin ang="5400000" scaled="1"/>
              </a:gra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/>
            <a:lstStyle/>
            <a:p>
              <a:pPr>
                <a:defRPr/>
              </a:pPr>
              <a:endParaRPr lang="en-US" b="0" i="0" dirty="0">
                <a:latin typeface="Helvetica Neue Regular" panose="02000503000000020004" pitchFamily="2" charset="0"/>
                <a:ea typeface="ヒラギノ明朝 ProN W3" charset="-128"/>
                <a:cs typeface="+mn-cs"/>
                <a:sym typeface="Bradley Hand ITC TT-Bold" pitchFamily="-84" charset="0"/>
              </a:endParaRPr>
            </a:p>
          </p:txBody>
        </p:sp>
        <p:sp>
          <p:nvSpPr>
            <p:cNvPr id="13" name="Freeform 12"/>
            <p:cNvSpPr>
              <a:spLocks/>
            </p:cNvSpPr>
            <p:nvPr/>
          </p:nvSpPr>
          <p:spPr bwMode="auto">
            <a:xfrm rot="21435692">
              <a:off x="-14309" y="290003"/>
              <a:ext cx="9175812" cy="530352"/>
            </a:xfrm>
            <a:custGeom>
              <a:avLst>
                <a:gd name="A1" fmla="val 0"/>
                <a:gd name="A2" fmla="val 0"/>
                <a:gd name="A3" fmla="val 0"/>
                <a:gd name="A4" fmla="val 0"/>
                <a:gd name="A5" fmla="val 0"/>
                <a:gd name="A6" fmla="val 0"/>
                <a:gd name="A7" fmla="val 0"/>
                <a:gd name="A8" fmla="val 0"/>
              </a:avLst>
              <a:gdLst/>
              <a:ahLst/>
              <a:cxnLst>
                <a:cxn ang="0">
                  <a:pos x="0" y="732"/>
                </a:cxn>
                <a:cxn ang="0">
                  <a:pos x="1638" y="228"/>
                </a:cxn>
                <a:cxn ang="0">
                  <a:pos x="4122" y="816"/>
                </a:cxn>
                <a:cxn ang="0">
                  <a:pos x="5766" y="0"/>
                </a:cxn>
              </a:cxnLst>
              <a:rect l="0" t="0" r="0" b="0"/>
              <a:pathLst>
                <a:path w="5766" h="854">
                  <a:moveTo>
                    <a:pt x="0" y="732"/>
                  </a:moveTo>
                  <a:cubicBezTo>
                    <a:pt x="273" y="647"/>
                    <a:pt x="951" y="214"/>
                    <a:pt x="1638" y="228"/>
                  </a:cubicBezTo>
                  <a:cubicBezTo>
                    <a:pt x="2325" y="242"/>
                    <a:pt x="3434" y="854"/>
                    <a:pt x="4122" y="816"/>
                  </a:cubicBezTo>
                  <a:cubicBezTo>
                    <a:pt x="4810" y="778"/>
                    <a:pt x="5424" y="170"/>
                    <a:pt x="5766" y="0"/>
                  </a:cubicBezTo>
                </a:path>
              </a:pathLst>
            </a:custGeom>
            <a:noFill/>
            <a:ln w="9525" cap="flat" cmpd="sng" algn="ctr">
              <a:gradFill>
                <a:gsLst>
                  <a:gs pos="74000">
                    <a:schemeClr val="accent4"/>
                  </a:gs>
                  <a:gs pos="44000">
                    <a:schemeClr val="accent1"/>
                  </a:gs>
                  <a:gs pos="33000">
                    <a:schemeClr val="accent2">
                      <a:alpha val="56000"/>
                    </a:schemeClr>
                  </a:gs>
                </a:gsLst>
                <a:lin ang="5400000" scaled="1"/>
              </a:gra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/>
            <a:lstStyle/>
            <a:p>
              <a:pPr>
                <a:defRPr/>
              </a:pPr>
              <a:endParaRPr lang="en-US" b="0" i="0" dirty="0">
                <a:latin typeface="Helvetica Neue Regular" panose="02000503000000020004" pitchFamily="2" charset="0"/>
                <a:ea typeface="ヒラギノ明朝 ProN W3" charset="-128"/>
                <a:cs typeface="+mn-cs"/>
                <a:sym typeface="Bradley Hand ITC TT-Bold" pitchFamily="-84" charset="0"/>
              </a:endParaRPr>
            </a:p>
          </p:txBody>
        </p:sp>
      </p:grpSp>
    </p:spTree>
  </p:cSld>
  <p:clrMap bg1="dk1" tx1="lt1" bg2="dk2" tx2="lt2" accent1="accent1" accent2="accent2" accent3="accent3" accent4="accent4" accent5="accent5" accent6="accent6" hlink="hlink" folHlink="folHlink"/>
  <p:sldLayoutIdLst>
    <p:sldLayoutId id="2147485037" r:id="rId1"/>
    <p:sldLayoutId id="2147485038" r:id="rId2"/>
    <p:sldLayoutId id="2147485039" r:id="rId3"/>
    <p:sldLayoutId id="2147485040" r:id="rId4"/>
    <p:sldLayoutId id="2147485041" r:id="rId5"/>
    <p:sldLayoutId id="2147485042" r:id="rId6"/>
    <p:sldLayoutId id="2147485043" r:id="rId7"/>
    <p:sldLayoutId id="2147485044" r:id="rId8"/>
    <p:sldLayoutId id="2147485058" r:id="rId9"/>
    <p:sldLayoutId id="2147485045" r:id="rId10"/>
    <p:sldLayoutId id="2147485046" r:id="rId11"/>
  </p:sldLayoutIdLst>
  <p:hf hdr="0" ftr="0"/>
  <p:txStyles>
    <p:titleStyle>
      <a:lvl1pPr algn="l" rtl="0" fontAlgn="base">
        <a:spcBef>
          <a:spcPct val="0"/>
        </a:spcBef>
        <a:spcAft>
          <a:spcPct val="0"/>
        </a:spcAft>
        <a:defRPr sz="5000" kern="1200">
          <a:solidFill>
            <a:schemeClr val="tx2"/>
          </a:solidFill>
          <a:latin typeface="Helvetica Neue"/>
          <a:ea typeface="ＭＳ Ｐゴシック" charset="0"/>
          <a:cs typeface="+mj-cs"/>
        </a:defRPr>
      </a:lvl1pPr>
      <a:lvl2pPr algn="l" rtl="0" fontAlgn="base">
        <a:spcBef>
          <a:spcPct val="0"/>
        </a:spcBef>
        <a:spcAft>
          <a:spcPct val="0"/>
        </a:spcAft>
        <a:defRPr sz="5000">
          <a:solidFill>
            <a:schemeClr val="tx2"/>
          </a:solidFill>
          <a:latin typeface="Calibri" charset="0"/>
          <a:ea typeface="ＭＳ Ｐゴシック" charset="0"/>
        </a:defRPr>
      </a:lvl2pPr>
      <a:lvl3pPr algn="l" rtl="0" fontAlgn="base">
        <a:spcBef>
          <a:spcPct val="0"/>
        </a:spcBef>
        <a:spcAft>
          <a:spcPct val="0"/>
        </a:spcAft>
        <a:defRPr sz="5000">
          <a:solidFill>
            <a:schemeClr val="tx2"/>
          </a:solidFill>
          <a:latin typeface="Calibri" charset="0"/>
          <a:ea typeface="ＭＳ Ｐゴシック" charset="0"/>
        </a:defRPr>
      </a:lvl3pPr>
      <a:lvl4pPr algn="l" rtl="0" fontAlgn="base">
        <a:spcBef>
          <a:spcPct val="0"/>
        </a:spcBef>
        <a:spcAft>
          <a:spcPct val="0"/>
        </a:spcAft>
        <a:defRPr sz="5000">
          <a:solidFill>
            <a:schemeClr val="tx2"/>
          </a:solidFill>
          <a:latin typeface="Calibri" charset="0"/>
          <a:ea typeface="ＭＳ Ｐゴシック" charset="0"/>
        </a:defRPr>
      </a:lvl4pPr>
      <a:lvl5pPr algn="l" rtl="0" fontAlgn="base">
        <a:spcBef>
          <a:spcPct val="0"/>
        </a:spcBef>
        <a:spcAft>
          <a:spcPct val="0"/>
        </a:spcAft>
        <a:defRPr sz="5000">
          <a:solidFill>
            <a:schemeClr val="tx2"/>
          </a:solidFill>
          <a:latin typeface="Calibri" charset="0"/>
          <a:ea typeface="ＭＳ Ｐゴシック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5000">
          <a:solidFill>
            <a:schemeClr val="tx2"/>
          </a:solidFill>
          <a:latin typeface="Calibri" charset="0"/>
          <a:ea typeface="ＭＳ Ｐゴシック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5000">
          <a:solidFill>
            <a:schemeClr val="tx2"/>
          </a:solidFill>
          <a:latin typeface="Calibri" charset="0"/>
          <a:ea typeface="ＭＳ Ｐゴシック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5000">
          <a:solidFill>
            <a:schemeClr val="tx2"/>
          </a:solidFill>
          <a:latin typeface="Calibri" charset="0"/>
          <a:ea typeface="ＭＳ Ｐゴシック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5000">
          <a:solidFill>
            <a:schemeClr val="tx2"/>
          </a:solidFill>
          <a:latin typeface="Calibri" charset="0"/>
          <a:ea typeface="ＭＳ Ｐゴシック" charset="0"/>
        </a:defRPr>
      </a:lvl9pPr>
    </p:titleStyle>
    <p:bodyStyle>
      <a:lvl1pPr marL="273050" indent="-273050" algn="l" rtl="0" fontAlgn="base">
        <a:spcBef>
          <a:spcPct val="20000"/>
        </a:spcBef>
        <a:spcAft>
          <a:spcPct val="0"/>
        </a:spcAft>
        <a:buClr>
          <a:srgbClr val="0BD0D9"/>
        </a:buClr>
        <a:buSzPct val="95000"/>
        <a:buFont typeface="Wingdings 2" charset="0"/>
        <a:buChar char=""/>
        <a:defRPr sz="2600" kern="1200">
          <a:solidFill>
            <a:schemeClr val="tx1"/>
          </a:solidFill>
          <a:latin typeface="Helvetica Neue"/>
          <a:ea typeface="ＭＳ Ｐゴシック" charset="0"/>
          <a:cs typeface="+mn-cs"/>
        </a:defRPr>
      </a:lvl1pPr>
      <a:lvl2pPr marL="639763" indent="-246063" algn="l" rtl="0" fontAlgn="base">
        <a:spcBef>
          <a:spcPct val="20000"/>
        </a:spcBef>
        <a:spcAft>
          <a:spcPct val="0"/>
        </a:spcAft>
        <a:buClr>
          <a:schemeClr val="accent1"/>
        </a:buClr>
        <a:buSzPct val="85000"/>
        <a:buFont typeface="Wingdings 2" charset="0"/>
        <a:buChar char=""/>
        <a:defRPr sz="2400" kern="1200">
          <a:solidFill>
            <a:schemeClr val="tx1"/>
          </a:solidFill>
          <a:latin typeface="Helvetica Neue"/>
          <a:ea typeface="ＭＳ Ｐゴシック" charset="0"/>
          <a:cs typeface="+mn-cs"/>
        </a:defRPr>
      </a:lvl2pPr>
      <a:lvl3pPr marL="914400" indent="-246063" algn="l" rtl="0" fontAlgn="base">
        <a:spcBef>
          <a:spcPct val="20000"/>
        </a:spcBef>
        <a:spcAft>
          <a:spcPct val="0"/>
        </a:spcAft>
        <a:buClr>
          <a:schemeClr val="accent2"/>
        </a:buClr>
        <a:buSzPct val="70000"/>
        <a:buFont typeface="Wingdings 2" charset="0"/>
        <a:buChar char=""/>
        <a:defRPr sz="2100" kern="1200">
          <a:solidFill>
            <a:schemeClr val="tx1"/>
          </a:solidFill>
          <a:latin typeface="Helvetica Neue"/>
          <a:ea typeface="ＭＳ Ｐゴシック" charset="0"/>
          <a:cs typeface="+mn-cs"/>
        </a:defRPr>
      </a:lvl3pPr>
      <a:lvl4pPr marL="1187450" indent="-209550" algn="l" rtl="0" fontAlgn="base">
        <a:spcBef>
          <a:spcPct val="20000"/>
        </a:spcBef>
        <a:spcAft>
          <a:spcPct val="0"/>
        </a:spcAft>
        <a:buClr>
          <a:srgbClr val="0BD0D9"/>
        </a:buClr>
        <a:buSzPct val="65000"/>
        <a:buFont typeface="Wingdings 2" charset="0"/>
        <a:buChar char=""/>
        <a:defRPr sz="2000" kern="1200">
          <a:solidFill>
            <a:schemeClr val="tx1"/>
          </a:solidFill>
          <a:latin typeface="Helvetica Neue"/>
          <a:ea typeface="ＭＳ Ｐゴシック" charset="0"/>
          <a:cs typeface="+mn-cs"/>
        </a:defRPr>
      </a:lvl4pPr>
      <a:lvl5pPr marL="1462088" indent="-209550" algn="l" rtl="0" fontAlgn="base">
        <a:spcBef>
          <a:spcPct val="20000"/>
        </a:spcBef>
        <a:spcAft>
          <a:spcPct val="0"/>
        </a:spcAft>
        <a:buClr>
          <a:srgbClr val="10CF9B"/>
        </a:buClr>
        <a:buSzPct val="65000"/>
        <a:buFont typeface="Wingdings 2" charset="0"/>
        <a:buChar char=""/>
        <a:defRPr sz="2000" kern="1200">
          <a:solidFill>
            <a:schemeClr val="tx1"/>
          </a:solidFill>
          <a:latin typeface="Helvetica Neue"/>
          <a:ea typeface="ＭＳ Ｐゴシック" charset="0"/>
          <a:cs typeface="+mn-cs"/>
        </a:defRPr>
      </a:lvl5pPr>
      <a:lvl6pPr marL="1737360" indent="-210312" algn="l" rtl="0" eaLnBrk="1" latinLnBrk="0" hangingPunct="1">
        <a:spcBef>
          <a:spcPct val="20000"/>
        </a:spcBef>
        <a:buClr>
          <a:schemeClr val="accent5"/>
        </a:buClr>
        <a:buSzPct val="80000"/>
        <a:buFont typeface="Wingdings 2"/>
        <a:buChar char=""/>
        <a:defRPr kumimoji="0"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1920240" indent="-182880" algn="l" rtl="0" eaLnBrk="1" latinLnBrk="0" hangingPunct="1">
        <a:spcBef>
          <a:spcPct val="20000"/>
        </a:spcBef>
        <a:buClr>
          <a:schemeClr val="accent6"/>
        </a:buClr>
        <a:buSzPct val="80000"/>
        <a:buFont typeface="Wingdings 2"/>
        <a:buChar char=""/>
        <a:defRPr kumimoji="0" sz="16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194560" indent="-182880" algn="l" rtl="0" eaLnBrk="1" latinLnBrk="0" hangingPunct="1">
        <a:spcBef>
          <a:spcPct val="20000"/>
        </a:spcBef>
        <a:buClr>
          <a:schemeClr val="tx2"/>
        </a:buClr>
        <a:buChar char="•"/>
        <a:defRPr kumimoji="0"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2468880" indent="-182880" algn="l" rtl="0" eaLnBrk="1" latinLnBrk="0" hangingPunct="1">
        <a:spcBef>
          <a:spcPct val="20000"/>
        </a:spcBef>
        <a:buClr>
          <a:schemeClr val="tx2"/>
        </a:buClr>
        <a:buFontTx/>
        <a:buChar char="•"/>
        <a:defRPr kumimoji="0" sz="14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lvl1pPr marL="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313" name="Rectangle 1"/>
          <p:cNvSpPr>
            <a:spLocks noGrp="1" noChangeArrowheads="1"/>
          </p:cNvSpPr>
          <p:nvPr>
            <p:ph type="title"/>
          </p:nvPr>
        </p:nvSpPr>
        <p:spPr bwMode="auto">
          <a:xfrm>
            <a:off x="736600" y="304800"/>
            <a:ext cx="7683500" cy="971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>
                <a:sym typeface="Gill Sans Light" charset="0"/>
              </a:rPr>
              <a:t>Click to edit Master title style</a:t>
            </a:r>
          </a:p>
        </p:txBody>
      </p:sp>
      <p:sp>
        <p:nvSpPr>
          <p:cNvPr id="13314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736600" y="1625600"/>
            <a:ext cx="3479800" cy="3352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>
                <a:sym typeface="Bradley Hand ITC TT-Bold" charset="0"/>
              </a:rPr>
              <a:t>Click to edit Master text styles</a:t>
            </a:r>
          </a:p>
          <a:p>
            <a:pPr lvl="1"/>
            <a:r>
              <a:rPr lang="en-US" dirty="0">
                <a:sym typeface="Bradley Hand ITC TT-Bold" charset="0"/>
              </a:rPr>
              <a:t>Second level</a:t>
            </a:r>
          </a:p>
          <a:p>
            <a:pPr lvl="2"/>
            <a:r>
              <a:rPr lang="en-US" dirty="0">
                <a:sym typeface="Bradley Hand ITC TT-Bold" charset="0"/>
              </a:rPr>
              <a:t>Third level</a:t>
            </a:r>
          </a:p>
          <a:p>
            <a:pPr lvl="3"/>
            <a:r>
              <a:rPr lang="en-US" dirty="0">
                <a:sym typeface="Bradley Hand ITC TT-Bold" charset="0"/>
              </a:rPr>
              <a:t>Fourth level</a:t>
            </a:r>
          </a:p>
          <a:p>
            <a:pPr lvl="4"/>
            <a:r>
              <a:rPr lang="en-US" dirty="0">
                <a:sym typeface="Bradley Hand ITC TT-Bold" charset="0"/>
              </a:rPr>
              <a:t>Fifth level</a:t>
            </a:r>
          </a:p>
        </p:txBody>
      </p:sp>
      <p:pic>
        <p:nvPicPr>
          <p:cNvPr id="3076" name="Picture 3"/>
          <p:cNvPicPr>
            <a:picLocks noChangeArrowheads="1"/>
          </p:cNvPicPr>
          <p:nvPr/>
        </p:nvPicPr>
        <p:blipFill>
          <a:blip r:embed="rId13">
            <a:alphaModFix amt="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670050" y="1460500"/>
            <a:ext cx="5803900" cy="31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>
                    <a:alpha val="70195"/>
                  </a:srgbClr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>
                    <a:alpha val="70195"/>
                  </a:srgbClr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ext Box 4"/>
          <p:cNvSpPr txBox="1">
            <a:spLocks noGrp="1" noChangeArrowheads="1"/>
          </p:cNvSpPr>
          <p:nvPr>
            <p:ph type="sldNum" sz="quarter" idx="4"/>
          </p:nvPr>
        </p:nvSpPr>
        <p:spPr bwMode="auto">
          <a:xfrm>
            <a:off x="4451352" y="5486400"/>
            <a:ext cx="233363" cy="254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none" lIns="43955" tIns="21978" rIns="43955" bIns="21978" numCol="1" anchor="t" anchorCtr="0" compatLnSpc="1">
            <a:prstTxWarp prst="textNoShape">
              <a:avLst/>
            </a:prstTxWarp>
          </a:bodyPr>
          <a:lstStyle>
            <a:lvl1pPr>
              <a:defRPr sz="1200" b="0" i="0">
                <a:solidFill>
                  <a:schemeClr val="tx1"/>
                </a:solidFill>
                <a:latin typeface="Helvetica Neue Regular" panose="02000503000000020004" pitchFamily="2" charset="0"/>
                <a:ea typeface="MS PGothic" charset="0"/>
                <a:cs typeface="MS PGothic" charset="0"/>
              </a:defRPr>
            </a:lvl1pPr>
          </a:lstStyle>
          <a:p>
            <a:fld id="{0BCDDE6C-31DA-A540-8281-E531F3994153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4806" r:id="rId1"/>
    <p:sldLayoutId id="2147484807" r:id="rId2"/>
    <p:sldLayoutId id="2147484808" r:id="rId3"/>
    <p:sldLayoutId id="2147484809" r:id="rId4"/>
    <p:sldLayoutId id="2147484810" r:id="rId5"/>
    <p:sldLayoutId id="2147484811" r:id="rId6"/>
    <p:sldLayoutId id="2147484812" r:id="rId7"/>
    <p:sldLayoutId id="2147484813" r:id="rId8"/>
    <p:sldLayoutId id="2147484814" r:id="rId9"/>
    <p:sldLayoutId id="2147484815" r:id="rId10"/>
    <p:sldLayoutId id="2147484816" r:id="rId11"/>
  </p:sldLayoutIdLst>
  <p:transition/>
  <p:hf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274638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1pPr>
      <a:lvl2pPr marL="463550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2pPr>
      <a:lvl3pPr marL="676275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3pPr>
      <a:lvl4pPr marL="890588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4pPr>
      <a:lvl5pPr marL="1104900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5pPr>
      <a:lvl6pPr marL="1324761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6pPr>
      <a:lvl7pPr marL="1544537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7pPr>
      <a:lvl8pPr marL="1764313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8pPr>
      <a:lvl9pPr marL="1984089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98" name="Picture 1"/>
          <p:cNvPicPr>
            <a:picLocks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670050" y="4540250"/>
            <a:ext cx="5803900" cy="31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ext Box 2"/>
          <p:cNvSpPr txBox="1">
            <a:spLocks noGrp="1" noChangeArrowheads="1"/>
          </p:cNvSpPr>
          <p:nvPr>
            <p:ph type="sldNum" sz="quarter" idx="4"/>
          </p:nvPr>
        </p:nvSpPr>
        <p:spPr bwMode="auto">
          <a:xfrm>
            <a:off x="4451352" y="5486400"/>
            <a:ext cx="233363" cy="254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none" lIns="43955" tIns="21978" rIns="43955" bIns="21978" numCol="1" anchor="t" anchorCtr="0" compatLnSpc="1">
            <a:prstTxWarp prst="textNoShape">
              <a:avLst/>
            </a:prstTxWarp>
          </a:bodyPr>
          <a:lstStyle>
            <a:lvl1pPr>
              <a:defRPr sz="1200" b="0" i="0">
                <a:solidFill>
                  <a:schemeClr val="tx1"/>
                </a:solidFill>
                <a:latin typeface="Helvetica Neue Regular" panose="02000503000000020004" pitchFamily="2" charset="0"/>
                <a:ea typeface="MS PGothic" charset="0"/>
                <a:cs typeface="MS PGothic" charset="0"/>
              </a:defRPr>
            </a:lvl1pPr>
          </a:lstStyle>
          <a:p>
            <a:fld id="{342697A3-967A-0449-8CB6-436FDCF36D55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4100" name="Picture 3"/>
          <p:cNvPicPr>
            <a:picLocks noChangeAspect="1" noChangeArrowheads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365250" y="5251450"/>
            <a:ext cx="1111250" cy="1476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6197" name="Rectangle 4"/>
          <p:cNvSpPr>
            <a:spLocks/>
          </p:cNvSpPr>
          <p:nvPr/>
        </p:nvSpPr>
        <p:spPr bwMode="auto">
          <a:xfrm>
            <a:off x="7752183" y="5522963"/>
            <a:ext cx="1054851" cy="153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 anchor="ctr">
            <a:spAutoFit/>
          </a:bodyPr>
          <a:lstStyle>
            <a:lvl1pPr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1pPr>
            <a:lvl2pPr marL="742950" indent="-28575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2pPr>
            <a:lvl3pPr marL="1143000" indent="-22860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3pPr>
            <a:lvl4pPr marL="1600200" indent="-22860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4pPr>
            <a:lvl5pPr marL="2057400" indent="-22860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9pPr>
          </a:lstStyle>
          <a:p>
            <a:pPr eaLnBrk="1" hangingPunct="1">
              <a:defRPr/>
            </a:pPr>
            <a:r>
              <a:rPr lang="en-US" altLang="en-US" sz="1000" b="0" i="0" dirty="0">
                <a:solidFill>
                  <a:schemeClr val="tx1"/>
                </a:solidFill>
                <a:latin typeface="Helvetica Neue Regular" panose="02000503000000020004" pitchFamily="2" charset="0"/>
                <a:ea typeface="MS PGothic" pitchFamily="34" charset="-128"/>
                <a:cs typeface="+mn-cs"/>
              </a:rPr>
              <a:t>NOVEMBER 2012</a:t>
            </a:r>
          </a:p>
        </p:txBody>
      </p:sp>
      <p:sp>
        <p:nvSpPr>
          <p:cNvPr id="4102" name="Line 5"/>
          <p:cNvSpPr>
            <a:spLocks noChangeShapeType="1"/>
          </p:cNvSpPr>
          <p:nvPr/>
        </p:nvSpPr>
        <p:spPr bwMode="auto">
          <a:xfrm>
            <a:off x="5251450" y="1346200"/>
            <a:ext cx="673100" cy="673100"/>
          </a:xfrm>
          <a:prstGeom prst="line">
            <a:avLst/>
          </a:prstGeom>
          <a:noFill/>
          <a:ln w="12700">
            <a:solidFill>
              <a:srgbClr val="4B4B4B"/>
            </a:solidFill>
            <a:miter lim="800000"/>
            <a:headEnd type="stealth" w="med" len="med"/>
            <a:tailEnd/>
          </a:ln>
          <a:extLst>
            <a:ext uri="{909E8E84-426E-40dd-AFC4-6F175D3DCCD1}">
              <a14:hiddenFill xmlns=""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en-US" b="0" i="0" dirty="0">
              <a:latin typeface="Helvetica Neue Regular" panose="02000503000000020004" pitchFamily="2" charset="0"/>
            </a:endParaRPr>
          </a:p>
        </p:txBody>
      </p:sp>
      <p:sp>
        <p:nvSpPr>
          <p:cNvPr id="136199" name="Rectangle 6"/>
          <p:cNvSpPr>
            <a:spLocks/>
          </p:cNvSpPr>
          <p:nvPr/>
        </p:nvSpPr>
        <p:spPr bwMode="auto">
          <a:xfrm>
            <a:off x="838200" y="369888"/>
            <a:ext cx="7232650" cy="342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/>
          <a:lstStyle>
            <a:lvl1pPr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1pPr>
            <a:lvl2pPr marL="742950" indent="-28575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2pPr>
            <a:lvl3pPr marL="1143000" indent="-22860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3pPr>
            <a:lvl4pPr marL="1600200" indent="-22860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4pPr>
            <a:lvl5pPr marL="2057400" indent="-228600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9pPr>
          </a:lstStyle>
          <a:p>
            <a:pPr algn="l" eaLnBrk="1" hangingPunct="1">
              <a:defRPr/>
            </a:pPr>
            <a:r>
              <a:rPr lang="en-US" altLang="en-US" dirty="0">
                <a:solidFill>
                  <a:schemeClr val="tx1"/>
                </a:solidFill>
                <a:latin typeface="Helvetica Neue"/>
                <a:ea typeface="MS PGothic" pitchFamily="34" charset="-128"/>
                <a:cs typeface="+mn-cs"/>
                <a:sym typeface="Gill Sans" charset="0"/>
              </a:rPr>
              <a:t>Title Text</a:t>
            </a:r>
          </a:p>
        </p:txBody>
      </p:sp>
      <p:sp>
        <p:nvSpPr>
          <p:cNvPr id="136200" name="Rectangle 7"/>
          <p:cNvSpPr>
            <a:spLocks/>
          </p:cNvSpPr>
          <p:nvPr/>
        </p:nvSpPr>
        <p:spPr bwMode="auto">
          <a:xfrm>
            <a:off x="704850" y="1325900"/>
            <a:ext cx="2414122" cy="154555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 anchor="ctr">
            <a:spAutoFit/>
          </a:bodyPr>
          <a:lstStyle>
            <a:lvl1pPr marL="274638" indent="-274638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1pPr>
            <a:lvl2pPr marL="487363" indent="-274638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2pPr>
            <a:lvl3pPr marL="701675" indent="-274638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3pPr>
            <a:lvl4pPr marL="914400" indent="-274638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4pPr>
            <a:lvl5pPr marL="1128713" indent="-274638" eaLnBrk="0" hangingPunct="0"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5pPr>
            <a:lvl6pPr marL="1585913" indent="-274638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6pPr>
            <a:lvl7pPr marL="2043113" indent="-274638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7pPr>
            <a:lvl8pPr marL="2500313" indent="-274638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8pPr>
            <a:lvl9pPr marL="2957513" indent="-274638" algn="ctr" eaLnBrk="0" fontAlgn="base" hangingPunct="0">
              <a:spcBef>
                <a:spcPct val="0"/>
              </a:spcBef>
              <a:spcAft>
                <a:spcPct val="0"/>
              </a:spcAft>
              <a:defRPr sz="1900">
                <a:solidFill>
                  <a:srgbClr val="49433E"/>
                </a:solidFill>
                <a:latin typeface="Bradley Hand ITC TT-Bold" pitchFamily="-84" charset="0"/>
                <a:ea typeface="ヒラギノ明朝 ProN W3" charset="-128"/>
                <a:sym typeface="Bradley Hand ITC TT-Bold" pitchFamily="-84" charset="0"/>
              </a:defRPr>
            </a:lvl9pPr>
          </a:lstStyle>
          <a:p>
            <a:pPr algn="l" eaLnBrk="1" hangingPunct="1">
              <a:spcBef>
                <a:spcPts val="913"/>
              </a:spcBef>
              <a:buSzPct val="100000"/>
              <a:buFontTx/>
              <a:buBlip>
                <a:blip r:embed="rId15"/>
              </a:buBlip>
              <a:defRPr/>
            </a:pPr>
            <a:r>
              <a:rPr lang="en-US" altLang="en-US" sz="1400" dirty="0">
                <a:solidFill>
                  <a:schemeClr val="tx1"/>
                </a:solidFill>
                <a:latin typeface="Helvetica Neue"/>
                <a:ea typeface="MS PGothic" pitchFamily="34" charset="-128"/>
                <a:cs typeface="+mn-cs"/>
                <a:sym typeface="Gill Sans" charset="0"/>
              </a:rPr>
              <a:t>Body Level One</a:t>
            </a:r>
          </a:p>
          <a:p>
            <a:pPr lvl="1" algn="l" eaLnBrk="1" hangingPunct="1">
              <a:spcBef>
                <a:spcPts val="913"/>
              </a:spcBef>
              <a:buSzPct val="100000"/>
              <a:buFontTx/>
              <a:buBlip>
                <a:blip r:embed="rId15"/>
              </a:buBlip>
              <a:defRPr/>
            </a:pPr>
            <a:r>
              <a:rPr lang="en-US" altLang="en-US" sz="1400" dirty="0">
                <a:solidFill>
                  <a:schemeClr val="tx1"/>
                </a:solidFill>
                <a:latin typeface="Helvetica Neue"/>
                <a:ea typeface="MS PGothic" pitchFamily="34" charset="-128"/>
                <a:cs typeface="+mn-cs"/>
                <a:sym typeface="Gill Sans" charset="0"/>
              </a:rPr>
              <a:t>Body Level Two</a:t>
            </a:r>
          </a:p>
          <a:p>
            <a:pPr lvl="2" algn="l" eaLnBrk="1" hangingPunct="1">
              <a:spcBef>
                <a:spcPts val="913"/>
              </a:spcBef>
              <a:buSzPct val="100000"/>
              <a:buFontTx/>
              <a:buBlip>
                <a:blip r:embed="rId15"/>
              </a:buBlip>
              <a:defRPr/>
            </a:pPr>
            <a:r>
              <a:rPr lang="en-US" altLang="en-US" sz="1400" dirty="0">
                <a:solidFill>
                  <a:schemeClr val="tx1"/>
                </a:solidFill>
                <a:latin typeface="Helvetica Neue"/>
                <a:ea typeface="MS PGothic" pitchFamily="34" charset="-128"/>
                <a:cs typeface="+mn-cs"/>
                <a:sym typeface="Gill Sans" charset="0"/>
              </a:rPr>
              <a:t>Body Level Three</a:t>
            </a:r>
          </a:p>
          <a:p>
            <a:pPr lvl="3" algn="l" eaLnBrk="1" hangingPunct="1">
              <a:spcBef>
                <a:spcPts val="913"/>
              </a:spcBef>
              <a:buSzPct val="100000"/>
              <a:buFontTx/>
              <a:buBlip>
                <a:blip r:embed="rId15"/>
              </a:buBlip>
              <a:defRPr/>
            </a:pPr>
            <a:r>
              <a:rPr lang="en-US" altLang="en-US" sz="1400" dirty="0">
                <a:solidFill>
                  <a:schemeClr val="tx1"/>
                </a:solidFill>
                <a:latin typeface="Helvetica Neue"/>
                <a:ea typeface="MS PGothic" pitchFamily="34" charset="-128"/>
                <a:cs typeface="+mn-cs"/>
                <a:sym typeface="Gill Sans" charset="0"/>
              </a:rPr>
              <a:t>Body Level Four</a:t>
            </a:r>
          </a:p>
          <a:p>
            <a:pPr lvl="4" algn="l" eaLnBrk="1" hangingPunct="1">
              <a:spcBef>
                <a:spcPts val="913"/>
              </a:spcBef>
              <a:buSzPct val="100000"/>
              <a:buFontTx/>
              <a:buBlip>
                <a:blip r:embed="rId15"/>
              </a:buBlip>
              <a:defRPr/>
            </a:pPr>
            <a:r>
              <a:rPr lang="en-US" altLang="en-US" sz="1400" dirty="0">
                <a:solidFill>
                  <a:schemeClr val="tx1"/>
                </a:solidFill>
                <a:latin typeface="Helvetica Neue"/>
                <a:ea typeface="MS PGothic" pitchFamily="34" charset="-128"/>
                <a:cs typeface="+mn-cs"/>
                <a:sym typeface="Gill Sans" charset="0"/>
              </a:rPr>
              <a:t>Body Level Five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4817" r:id="rId1"/>
    <p:sldLayoutId id="2147484818" r:id="rId2"/>
    <p:sldLayoutId id="2147484819" r:id="rId3"/>
    <p:sldLayoutId id="2147484820" r:id="rId4"/>
    <p:sldLayoutId id="2147484821" r:id="rId5"/>
    <p:sldLayoutId id="2147484822" r:id="rId6"/>
    <p:sldLayoutId id="2147484823" r:id="rId7"/>
    <p:sldLayoutId id="2147484824" r:id="rId8"/>
    <p:sldLayoutId id="2147484825" r:id="rId9"/>
    <p:sldLayoutId id="2147484826" r:id="rId10"/>
    <p:sldLayoutId id="2147484827" r:id="rId11"/>
  </p:sldLayoutIdLst>
  <p:transition/>
  <p:hf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274638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1pPr>
      <a:lvl2pPr marL="487363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2pPr>
      <a:lvl3pPr marL="701675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3pPr>
      <a:lvl4pPr marL="914400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4pPr>
      <a:lvl5pPr marL="1128713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5pPr>
      <a:lvl6pPr marL="1349181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6pPr>
      <a:lvl7pPr marL="1568957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7pPr>
      <a:lvl8pPr marL="1788733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8pPr>
      <a:lvl9pPr marL="2008509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122" name="Picture 1"/>
          <p:cNvPicPr>
            <a:picLocks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670050" y="4540250"/>
            <a:ext cx="5803900" cy="31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ext Box 2"/>
          <p:cNvSpPr txBox="1">
            <a:spLocks noGrp="1" noChangeArrowheads="1"/>
          </p:cNvSpPr>
          <p:nvPr>
            <p:ph type="sldNum" sz="quarter" idx="4"/>
          </p:nvPr>
        </p:nvSpPr>
        <p:spPr bwMode="auto">
          <a:xfrm>
            <a:off x="4451352" y="5486400"/>
            <a:ext cx="233363" cy="254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none" lIns="43955" tIns="21978" rIns="43955" bIns="21978" numCol="1" anchor="t" anchorCtr="0" compatLnSpc="1">
            <a:prstTxWarp prst="textNoShape">
              <a:avLst/>
            </a:prstTxWarp>
          </a:bodyPr>
          <a:lstStyle>
            <a:lvl1pPr>
              <a:defRPr sz="1200" b="0" i="0">
                <a:solidFill>
                  <a:schemeClr val="tx1"/>
                </a:solidFill>
                <a:latin typeface="Helvetica Neue Regular" panose="02000503000000020004" pitchFamily="2" charset="0"/>
                <a:ea typeface="MS PGothic" charset="0"/>
                <a:cs typeface="MS PGothic" charset="0"/>
              </a:defRPr>
            </a:lvl1pPr>
          </a:lstStyle>
          <a:p>
            <a:fld id="{08E5B2D0-3BAF-9442-B44F-0B3706652991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4828" r:id="rId1"/>
    <p:sldLayoutId id="2147484829" r:id="rId2"/>
    <p:sldLayoutId id="2147484830" r:id="rId3"/>
    <p:sldLayoutId id="2147484831" r:id="rId4"/>
    <p:sldLayoutId id="2147484832" r:id="rId5"/>
    <p:sldLayoutId id="2147484833" r:id="rId6"/>
    <p:sldLayoutId id="2147484834" r:id="rId7"/>
    <p:sldLayoutId id="2147484835" r:id="rId8"/>
    <p:sldLayoutId id="2147484836" r:id="rId9"/>
    <p:sldLayoutId id="2147484837" r:id="rId10"/>
    <p:sldLayoutId id="2147484838" r:id="rId11"/>
  </p:sldLayoutIdLst>
  <p:transition/>
  <p:hf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274638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1pPr>
      <a:lvl2pPr marL="487363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2pPr>
      <a:lvl3pPr marL="701675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3pPr>
      <a:lvl4pPr marL="914400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4pPr>
      <a:lvl5pPr marL="1128713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5pPr>
      <a:lvl6pPr marL="1349181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6pPr>
      <a:lvl7pPr marL="1568957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7pPr>
      <a:lvl8pPr marL="1788733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8pPr>
      <a:lvl9pPr marL="2008509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385" name="Rectangle 1"/>
          <p:cNvSpPr>
            <a:spLocks noGrp="1" noChangeArrowheads="1"/>
          </p:cNvSpPr>
          <p:nvPr>
            <p:ph type="title"/>
          </p:nvPr>
        </p:nvSpPr>
        <p:spPr bwMode="auto">
          <a:xfrm>
            <a:off x="736600" y="1073150"/>
            <a:ext cx="7683500" cy="19367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>
                <a:sym typeface="Gill Sans Light" charset="0"/>
              </a:rPr>
              <a:t>Click to edit Master title style</a:t>
            </a:r>
          </a:p>
        </p:txBody>
      </p:sp>
      <p:sp>
        <p:nvSpPr>
          <p:cNvPr id="16386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736600" y="3073400"/>
            <a:ext cx="7683500" cy="7493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>
                <a:sym typeface="Bradley Hand ITC TT-Bold" charset="0"/>
              </a:rPr>
              <a:t>Click to edit Master text styles</a:t>
            </a:r>
          </a:p>
          <a:p>
            <a:pPr lvl="1"/>
            <a:r>
              <a:rPr lang="en-US" dirty="0">
                <a:sym typeface="Bradley Hand ITC TT-Bold" charset="0"/>
              </a:rPr>
              <a:t>Second level</a:t>
            </a:r>
          </a:p>
          <a:p>
            <a:pPr lvl="2"/>
            <a:r>
              <a:rPr lang="en-US" dirty="0">
                <a:sym typeface="Bradley Hand ITC TT-Bold" charset="0"/>
              </a:rPr>
              <a:t>Third level</a:t>
            </a:r>
          </a:p>
          <a:p>
            <a:pPr lvl="3"/>
            <a:r>
              <a:rPr lang="en-US" dirty="0">
                <a:sym typeface="Bradley Hand ITC TT-Bold" charset="0"/>
              </a:rPr>
              <a:t>Fourth level</a:t>
            </a:r>
          </a:p>
          <a:p>
            <a:pPr lvl="4"/>
            <a:r>
              <a:rPr lang="en-US" dirty="0">
                <a:sym typeface="Bradley Hand ITC TT-Bold" charset="0"/>
              </a:rPr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4839" r:id="rId1"/>
    <p:sldLayoutId id="2147484840" r:id="rId2"/>
    <p:sldLayoutId id="2147484841" r:id="rId3"/>
    <p:sldLayoutId id="2147484842" r:id="rId4"/>
    <p:sldLayoutId id="2147484843" r:id="rId5"/>
    <p:sldLayoutId id="2147484844" r:id="rId6"/>
    <p:sldLayoutId id="2147484845" r:id="rId7"/>
    <p:sldLayoutId id="2147484846" r:id="rId8"/>
    <p:sldLayoutId id="2147484847" r:id="rId9"/>
    <p:sldLayoutId id="2147484848" r:id="rId10"/>
    <p:sldLayoutId id="2147484849" r:id="rId11"/>
  </p:sldLayoutIdLst>
  <p:transition/>
  <p:hf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342900" indent="-342900" algn="ctr" rtl="0" eaLnBrk="0" fontAlgn="base" hangingPunct="0">
        <a:spcBef>
          <a:spcPts val="675"/>
        </a:spcBef>
        <a:spcAft>
          <a:spcPct val="0"/>
        </a:spcAft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1pPr>
      <a:lvl2pPr marL="742950" indent="-285750" algn="ctr" rtl="0" eaLnBrk="0" fontAlgn="base" hangingPunct="0">
        <a:spcBef>
          <a:spcPts val="675"/>
        </a:spcBef>
        <a:spcAft>
          <a:spcPct val="0"/>
        </a:spcAft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2pPr>
      <a:lvl3pPr marL="1143000" indent="-228600" algn="ctr" rtl="0" eaLnBrk="0" fontAlgn="base" hangingPunct="0">
        <a:spcBef>
          <a:spcPts val="675"/>
        </a:spcBef>
        <a:spcAft>
          <a:spcPct val="0"/>
        </a:spcAft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3pPr>
      <a:lvl4pPr marL="1600200" indent="-228600" algn="ctr" rtl="0" eaLnBrk="0" fontAlgn="base" hangingPunct="0">
        <a:spcBef>
          <a:spcPts val="675"/>
        </a:spcBef>
        <a:spcAft>
          <a:spcPct val="0"/>
        </a:spcAft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4pPr>
      <a:lvl5pPr marL="2057400" indent="-228600" algn="ctr" rtl="0" eaLnBrk="0" fontAlgn="base" hangingPunct="0">
        <a:spcBef>
          <a:spcPts val="675"/>
        </a:spcBef>
        <a:spcAft>
          <a:spcPct val="0"/>
        </a:spcAft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5pPr>
      <a:lvl6pPr marL="219776" algn="ctr" rtl="0" fontAlgn="base">
        <a:spcBef>
          <a:spcPts val="673"/>
        </a:spcBef>
        <a:spcAft>
          <a:spcPct val="0"/>
        </a:spcAft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6pPr>
      <a:lvl7pPr marL="439552" algn="ctr" rtl="0" fontAlgn="base">
        <a:spcBef>
          <a:spcPts val="673"/>
        </a:spcBef>
        <a:spcAft>
          <a:spcPct val="0"/>
        </a:spcAft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7pPr>
      <a:lvl8pPr marL="659328" algn="ctr" rtl="0" fontAlgn="base">
        <a:spcBef>
          <a:spcPts val="673"/>
        </a:spcBef>
        <a:spcAft>
          <a:spcPct val="0"/>
        </a:spcAft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8pPr>
      <a:lvl9pPr marL="879104" algn="ctr" rtl="0" fontAlgn="base">
        <a:spcBef>
          <a:spcPts val="673"/>
        </a:spcBef>
        <a:spcAft>
          <a:spcPct val="0"/>
        </a:spcAft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409" name="Rectangle 1"/>
          <p:cNvSpPr>
            <a:spLocks noGrp="1" noChangeArrowheads="1"/>
          </p:cNvSpPr>
          <p:nvPr>
            <p:ph type="title"/>
          </p:nvPr>
        </p:nvSpPr>
        <p:spPr bwMode="auto">
          <a:xfrm>
            <a:off x="736600" y="304800"/>
            <a:ext cx="7683500" cy="971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>
                <a:sym typeface="Gill Sans Light" charset="0"/>
              </a:rPr>
              <a:t>Click to edit Master title style</a:t>
            </a:r>
          </a:p>
        </p:txBody>
      </p:sp>
      <p:sp>
        <p:nvSpPr>
          <p:cNvPr id="17410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736600" y="1625600"/>
            <a:ext cx="7683500" cy="3352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>
                <a:sym typeface="Bradley Hand ITC TT-Bold" charset="0"/>
              </a:rPr>
              <a:t>Click to edit Master text styles</a:t>
            </a:r>
          </a:p>
          <a:p>
            <a:pPr lvl="1"/>
            <a:r>
              <a:rPr lang="en-US" dirty="0">
                <a:sym typeface="Bradley Hand ITC TT-Bold" charset="0"/>
              </a:rPr>
              <a:t>Second level</a:t>
            </a:r>
          </a:p>
          <a:p>
            <a:pPr lvl="2"/>
            <a:r>
              <a:rPr lang="en-US" dirty="0">
                <a:sym typeface="Bradley Hand ITC TT-Bold" charset="0"/>
              </a:rPr>
              <a:t>Third level</a:t>
            </a:r>
          </a:p>
          <a:p>
            <a:pPr lvl="3"/>
            <a:r>
              <a:rPr lang="en-US" dirty="0">
                <a:sym typeface="Bradley Hand ITC TT-Bold" charset="0"/>
              </a:rPr>
              <a:t>Fourth level</a:t>
            </a:r>
          </a:p>
          <a:p>
            <a:pPr lvl="4"/>
            <a:r>
              <a:rPr lang="en-US" dirty="0">
                <a:sym typeface="Bradley Hand ITC TT-Bold" charset="0"/>
              </a:rPr>
              <a:t>Fifth level</a:t>
            </a:r>
          </a:p>
        </p:txBody>
      </p:sp>
      <p:pic>
        <p:nvPicPr>
          <p:cNvPr id="7172" name="Picture 3"/>
          <p:cNvPicPr>
            <a:picLocks noChangeArrowheads="1"/>
          </p:cNvPicPr>
          <p:nvPr/>
        </p:nvPicPr>
        <p:blipFill>
          <a:blip r:embed="rId13">
            <a:alphaModFix amt="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670050" y="1460500"/>
            <a:ext cx="5803900" cy="31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>
                    <a:alpha val="70195"/>
                  </a:srgbClr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>
                    <a:alpha val="70195"/>
                  </a:srgbClr>
                </a:solidFill>
                <a:miter lim="800000"/>
                <a:headEnd/>
                <a:tailEnd/>
              </a14:hiddenLine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4850" r:id="rId1"/>
    <p:sldLayoutId id="2147484851" r:id="rId2"/>
    <p:sldLayoutId id="2147484852" r:id="rId3"/>
    <p:sldLayoutId id="2147484853" r:id="rId4"/>
    <p:sldLayoutId id="2147484854" r:id="rId5"/>
    <p:sldLayoutId id="2147484855" r:id="rId6"/>
    <p:sldLayoutId id="2147484856" r:id="rId7"/>
    <p:sldLayoutId id="2147484857" r:id="rId8"/>
    <p:sldLayoutId id="2147484858" r:id="rId9"/>
    <p:sldLayoutId id="2147484859" r:id="rId10"/>
    <p:sldLayoutId id="2147484860" r:id="rId11"/>
  </p:sldLayoutIdLst>
  <p:transition/>
  <p:hf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274638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1pPr>
      <a:lvl2pPr marL="463550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2pPr>
      <a:lvl3pPr marL="676275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3pPr>
      <a:lvl4pPr marL="890588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4pPr>
      <a:lvl5pPr marL="1104900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5pPr>
      <a:lvl6pPr marL="1324761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6pPr>
      <a:lvl7pPr marL="1544537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7pPr>
      <a:lvl8pPr marL="1764313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8pPr>
      <a:lvl9pPr marL="1984089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3" name="Rectangle 1"/>
          <p:cNvSpPr>
            <a:spLocks noGrp="1" noChangeArrowheads="1"/>
          </p:cNvSpPr>
          <p:nvPr>
            <p:ph type="title"/>
          </p:nvPr>
        </p:nvSpPr>
        <p:spPr bwMode="auto">
          <a:xfrm>
            <a:off x="736600" y="304800"/>
            <a:ext cx="7683500" cy="971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>
                <a:sym typeface="Gill Sans Light" charset="0"/>
              </a:rPr>
              <a:t>Click to edit Master title style</a:t>
            </a:r>
          </a:p>
        </p:txBody>
      </p:sp>
      <p:sp>
        <p:nvSpPr>
          <p:cNvPr id="18434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736600" y="1625600"/>
            <a:ext cx="7683500" cy="3352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>
                <a:sym typeface="Gill Sans" charset="0"/>
              </a:rPr>
              <a:t>Click to edit Master text styles</a:t>
            </a:r>
          </a:p>
          <a:p>
            <a:pPr lvl="1"/>
            <a:r>
              <a:rPr lang="en-US" dirty="0">
                <a:sym typeface="Bradley Hand ITC TT-Bold" charset="0"/>
              </a:rPr>
              <a:t>Second level</a:t>
            </a:r>
          </a:p>
          <a:p>
            <a:pPr lvl="2"/>
            <a:r>
              <a:rPr lang="en-US" dirty="0">
                <a:sym typeface="Bradley Hand ITC TT-Bold" charset="0"/>
              </a:rPr>
              <a:t>Third level</a:t>
            </a:r>
          </a:p>
          <a:p>
            <a:pPr lvl="3"/>
            <a:r>
              <a:rPr lang="en-US" dirty="0">
                <a:sym typeface="Bradley Hand ITC TT-Bold" charset="0"/>
              </a:rPr>
              <a:t>Fourth level</a:t>
            </a:r>
          </a:p>
          <a:p>
            <a:pPr lvl="4"/>
            <a:r>
              <a:rPr lang="en-US" dirty="0">
                <a:sym typeface="Bradley Hand ITC TT-Bold" charset="0"/>
              </a:rPr>
              <a:t>Fifth level</a:t>
            </a:r>
          </a:p>
        </p:txBody>
      </p:sp>
      <p:pic>
        <p:nvPicPr>
          <p:cNvPr id="8196" name="Picture 3"/>
          <p:cNvPicPr>
            <a:picLocks noChangeArrowheads="1"/>
          </p:cNvPicPr>
          <p:nvPr/>
        </p:nvPicPr>
        <p:blipFill>
          <a:blip r:embed="rId13">
            <a:alphaModFix amt="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670050" y="1460500"/>
            <a:ext cx="5803900" cy="31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>
                    <a:alpha val="70195"/>
                  </a:srgbClr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>
                    <a:alpha val="70195"/>
                  </a:srgbClr>
                </a:solidFill>
                <a:miter lim="800000"/>
                <a:headEnd/>
                <a:tailEnd/>
              </a14:hiddenLine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4861" r:id="rId1"/>
    <p:sldLayoutId id="2147484862" r:id="rId2"/>
    <p:sldLayoutId id="2147484863" r:id="rId3"/>
    <p:sldLayoutId id="2147484864" r:id="rId4"/>
    <p:sldLayoutId id="2147484865" r:id="rId5"/>
    <p:sldLayoutId id="2147484866" r:id="rId6"/>
    <p:sldLayoutId id="2147484867" r:id="rId7"/>
    <p:sldLayoutId id="2147484868" r:id="rId8"/>
    <p:sldLayoutId id="2147484869" r:id="rId9"/>
    <p:sldLayoutId id="2147484870" r:id="rId10"/>
    <p:sldLayoutId id="2147484871" r:id="rId11"/>
  </p:sldLayoutIdLst>
  <p:transition/>
  <p:hf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274638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Helvetica Neue"/>
          <a:ea typeface="+mn-ea"/>
          <a:cs typeface="+mn-cs"/>
          <a:sym typeface="Gill Sans" charset="0"/>
        </a:defRPr>
      </a:lvl1pPr>
      <a:lvl2pPr marL="463550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ヒラギノ明朝 ProN W3" charset="0"/>
          <a:cs typeface="ヒラギノ明朝 ProN W3" charset="0"/>
          <a:sym typeface="Bradley Hand ITC TT-Bold" charset="0"/>
        </a:defRPr>
      </a:lvl2pPr>
      <a:lvl3pPr marL="676275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ヒラギノ明朝 ProN W3" charset="0"/>
          <a:cs typeface="ヒラギノ明朝 ProN W3" charset="0"/>
          <a:sym typeface="Bradley Hand ITC TT-Bold" charset="0"/>
        </a:defRPr>
      </a:lvl3pPr>
      <a:lvl4pPr marL="890588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ヒラギノ明朝 ProN W3" charset="0"/>
          <a:cs typeface="ヒラギノ明朝 ProN W3" charset="0"/>
          <a:sym typeface="Bradley Hand ITC TT-Bold" charset="0"/>
        </a:defRPr>
      </a:lvl4pPr>
      <a:lvl5pPr marL="1104900" indent="-274638" algn="l" rtl="0" eaLnBrk="0" fontAlgn="base" hangingPunct="0">
        <a:spcBef>
          <a:spcPts val="1825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ヒラギノ明朝 ProN W3" charset="0"/>
          <a:cs typeface="ヒラギノ明朝 ProN W3" charset="0"/>
          <a:sym typeface="Bradley Hand ITC TT-Bold" charset="0"/>
        </a:defRPr>
      </a:lvl5pPr>
      <a:lvl6pPr marL="1324761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Bradley Hand ITC TT-Bold" charset="0"/>
          <a:ea typeface="ヒラギノ明朝 ProN W3" charset="0"/>
          <a:cs typeface="ヒラギノ明朝 ProN W3" charset="0"/>
          <a:sym typeface="Bradley Hand ITC TT-Bold" charset="0"/>
        </a:defRPr>
      </a:lvl6pPr>
      <a:lvl7pPr marL="1544537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Bradley Hand ITC TT-Bold" charset="0"/>
          <a:ea typeface="ヒラギノ明朝 ProN W3" charset="0"/>
          <a:cs typeface="ヒラギノ明朝 ProN W3" charset="0"/>
          <a:sym typeface="Bradley Hand ITC TT-Bold" charset="0"/>
        </a:defRPr>
      </a:lvl7pPr>
      <a:lvl8pPr marL="1764313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Bradley Hand ITC TT-Bold" charset="0"/>
          <a:ea typeface="ヒラギノ明朝 ProN W3" charset="0"/>
          <a:cs typeface="ヒラギノ明朝 ProN W3" charset="0"/>
          <a:sym typeface="Bradley Hand ITC TT-Bold" charset="0"/>
        </a:defRPr>
      </a:lvl8pPr>
      <a:lvl9pPr marL="1984089" indent="-274720" algn="l" rtl="0" fontAlgn="base">
        <a:spcBef>
          <a:spcPts val="1827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Bradley Hand ITC TT-Bold" charset="0"/>
          <a:ea typeface="ヒラギノ明朝 ProN W3" charset="0"/>
          <a:cs typeface="ヒラギノ明朝 ProN W3" charset="0"/>
          <a:sym typeface="Bradley Hand ITC TT-Bold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tint val="80000"/>
                <a:satMod val="400000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457" name="Rectangle 1"/>
          <p:cNvSpPr>
            <a:spLocks noGrp="1" noChangeArrowheads="1"/>
          </p:cNvSpPr>
          <p:nvPr>
            <p:ph type="body" idx="1"/>
          </p:nvPr>
        </p:nvSpPr>
        <p:spPr bwMode="auto">
          <a:xfrm>
            <a:off x="736600" y="1073150"/>
            <a:ext cx="7683500" cy="35750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24420" tIns="24420" rIns="24420" bIns="244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>
                <a:sym typeface="Bradley Hand ITC TT-Bold" charset="0"/>
              </a:rPr>
              <a:t>Click to edit Master text styles</a:t>
            </a:r>
          </a:p>
          <a:p>
            <a:pPr lvl="1"/>
            <a:r>
              <a:rPr lang="en-US" dirty="0">
                <a:sym typeface="Bradley Hand ITC TT-Bold" charset="0"/>
              </a:rPr>
              <a:t>Second level</a:t>
            </a:r>
          </a:p>
          <a:p>
            <a:pPr lvl="2"/>
            <a:r>
              <a:rPr lang="en-US" dirty="0">
                <a:sym typeface="Bradley Hand ITC TT-Bold" charset="0"/>
              </a:rPr>
              <a:t>Third level</a:t>
            </a:r>
          </a:p>
          <a:p>
            <a:pPr lvl="3"/>
            <a:r>
              <a:rPr lang="en-US" dirty="0">
                <a:sym typeface="Bradley Hand ITC TT-Bold" charset="0"/>
              </a:rPr>
              <a:t>Fourth level</a:t>
            </a:r>
          </a:p>
          <a:p>
            <a:pPr lvl="4"/>
            <a:r>
              <a:rPr lang="en-US" dirty="0">
                <a:sym typeface="Bradley Hand ITC TT-Bold" charset="0"/>
              </a:rPr>
              <a:t>Fifth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4872" r:id="rId1"/>
    <p:sldLayoutId id="2147484873" r:id="rId2"/>
    <p:sldLayoutId id="2147484874" r:id="rId3"/>
    <p:sldLayoutId id="2147484875" r:id="rId4"/>
    <p:sldLayoutId id="2147484876" r:id="rId5"/>
    <p:sldLayoutId id="2147484877" r:id="rId6"/>
    <p:sldLayoutId id="2147484878" r:id="rId7"/>
    <p:sldLayoutId id="2147484879" r:id="rId8"/>
    <p:sldLayoutId id="2147484880" r:id="rId9"/>
    <p:sldLayoutId id="2147484881" r:id="rId10"/>
    <p:sldLayoutId id="2147484882" r:id="rId11"/>
  </p:sldLayoutIdLst>
  <p:transition/>
  <p:hf hdr="0" ft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+mj-lt"/>
          <a:ea typeface="+mj-ea"/>
          <a:cs typeface="+mj-cs"/>
          <a:sym typeface="Gill Sans Light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5pPr>
      <a:lvl6pPr marL="219776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6pPr>
      <a:lvl7pPr marL="439552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7pPr>
      <a:lvl8pPr marL="659328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8pPr>
      <a:lvl9pPr marL="879104" algn="ctr" rtl="0" fontAlgn="base">
        <a:spcBef>
          <a:spcPct val="0"/>
        </a:spcBef>
        <a:spcAft>
          <a:spcPct val="0"/>
        </a:spcAft>
        <a:defRPr sz="2900">
          <a:solidFill>
            <a:schemeClr val="tx1"/>
          </a:solidFill>
          <a:latin typeface="Gill Sans Light" charset="0"/>
          <a:ea typeface="ヒラギノ角ゴ ProN W3" charset="0"/>
          <a:cs typeface="ヒラギノ角ゴ ProN W3" charset="0"/>
          <a:sym typeface="Gill Sans Light" charset="0"/>
        </a:defRPr>
      </a:lvl9pPr>
    </p:titleStyle>
    <p:bodyStyle>
      <a:lvl1pPr marL="274638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1pPr>
      <a:lvl2pPr marL="463550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2pPr>
      <a:lvl3pPr marL="676275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3pPr>
      <a:lvl4pPr marL="890588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4pPr>
      <a:lvl5pPr marL="1104900" indent="-274638" algn="l" rtl="0" eaLnBrk="0" fontAlgn="base" hangingPunct="0">
        <a:spcBef>
          <a:spcPts val="2938"/>
        </a:spcBef>
        <a:spcAft>
          <a:spcPct val="0"/>
        </a:spcAft>
        <a:buSzPct val="100000"/>
        <a:buChar char="•"/>
        <a:defRPr sz="1400" b="0" i="0">
          <a:solidFill>
            <a:schemeClr val="tx1"/>
          </a:solidFill>
          <a:latin typeface="Helvetica Neue Regular" panose="02000503000000020004" pitchFamily="2" charset="0"/>
          <a:ea typeface="+mn-ea"/>
          <a:cs typeface="+mn-cs"/>
          <a:sym typeface="Bradley Hand ITC TT-Bold" charset="0"/>
        </a:defRPr>
      </a:lvl5pPr>
      <a:lvl6pPr marL="1324761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6pPr>
      <a:lvl7pPr marL="1544537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7pPr>
      <a:lvl8pPr marL="1764313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8pPr>
      <a:lvl9pPr marL="1984089" indent="-274720" algn="l" rtl="0" fontAlgn="base">
        <a:spcBef>
          <a:spcPts val="2932"/>
        </a:spcBef>
        <a:spcAft>
          <a:spcPct val="0"/>
        </a:spcAft>
        <a:buSzPct val="100000"/>
        <a:buChar char="•"/>
        <a:defRPr sz="1400">
          <a:solidFill>
            <a:schemeClr val="tx1"/>
          </a:solidFill>
          <a:latin typeface="+mn-lt"/>
          <a:ea typeface="+mn-ea"/>
          <a:cs typeface="+mn-cs"/>
          <a:sym typeface="Bradley Hand ITC TT-Bold" charset="0"/>
        </a:defRPr>
      </a:lvl9pPr>
    </p:bodyStyle>
    <p:otherStyle>
      <a:defPPr>
        <a:defRPr lang="en-US"/>
      </a:defPPr>
      <a:lvl1pPr marL="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1pPr>
      <a:lvl2pPr marL="21977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2pPr>
      <a:lvl3pPr marL="43955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3pPr>
      <a:lvl4pPr marL="65932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4pPr>
      <a:lvl5pPr marL="879104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5pPr>
      <a:lvl6pPr marL="1098880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6pPr>
      <a:lvl7pPr marL="1318656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7pPr>
      <a:lvl8pPr marL="1538432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8pPr>
      <a:lvl9pPr marL="1758208" algn="l" defTabSz="219776" rtl="0" eaLnBrk="1" latinLnBrk="0" hangingPunct="1"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60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55.xml"/><Relationship Id="rId4" Type="http://schemas.openxmlformats.org/officeDocument/2006/relationships/image" Target="../media/image8.jp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tiff"/><Relationship Id="rId1" Type="http://schemas.openxmlformats.org/officeDocument/2006/relationships/slideLayout" Target="../slideLayouts/slideLayout255.xml"/><Relationship Id="rId5" Type="http://schemas.openxmlformats.org/officeDocument/2006/relationships/image" Target="../media/image2.emf"/><Relationship Id="rId4" Type="http://schemas.openxmlformats.org/officeDocument/2006/relationships/image" Target="../media/image11.png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slideLayout" Target="../slideLayouts/slideLayout260.xml"/><Relationship Id="rId55" Type="http://schemas.openxmlformats.org/officeDocument/2006/relationships/image" Target="../media/image16.jpeg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image" Target="../media/image15.jpe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image" Target="../media/image14.jpeg"/><Relationship Id="rId58" Type="http://schemas.openxmlformats.org/officeDocument/2006/relationships/image" Target="../media/image19.pn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image" Target="../media/image18.jpeg"/><Relationship Id="rId61" Type="http://schemas.openxmlformats.org/officeDocument/2006/relationships/image" Target="../media/image2.emf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image" Target="../media/image13.jpeg"/><Relationship Id="rId60" Type="http://schemas.openxmlformats.org/officeDocument/2006/relationships/image" Target="../media/image20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image" Target="../media/image17.jpeg"/><Relationship Id="rId8" Type="http://schemas.openxmlformats.org/officeDocument/2006/relationships/tags" Target="../tags/tag8.xml"/><Relationship Id="rId51" Type="http://schemas.openxmlformats.org/officeDocument/2006/relationships/image" Target="../media/image12.jpe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chart" Target="../charts/chart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photodigm.com/products-and-laser-wavelengths" TargetMode="Externa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55.xml"/><Relationship Id="rId6" Type="http://schemas.openxmlformats.org/officeDocument/2006/relationships/image" Target="../media/image2.emf"/><Relationship Id="rId5" Type="http://schemas.openxmlformats.org/officeDocument/2006/relationships/image" Target="../media/image7.png"/><Relationship Id="rId4" Type="http://schemas.openxmlformats.org/officeDocument/2006/relationships/image" Target="../media/image21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5696AFE5-FF18-A84C-847E-7F7EE9263729}"/>
              </a:ext>
            </a:extLst>
          </p:cNvPr>
          <p:cNvSpPr/>
          <p:nvPr/>
        </p:nvSpPr>
        <p:spPr>
          <a:xfrm>
            <a:off x="1028700" y="2143859"/>
            <a:ext cx="7124700" cy="12275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20000"/>
              </a:lnSpc>
              <a:spcAft>
                <a:spcPts val="450"/>
              </a:spcAft>
            </a:pPr>
            <a:r>
              <a:rPr lang="en-US" sz="3000" b="1" dirty="0">
                <a:solidFill>
                  <a:schemeClr val="tx1"/>
                </a:solidFill>
                <a:latin typeface="Helvetica" pitchFamily="2" charset="0"/>
              </a:rPr>
              <a:t>Spectroscopy Certified™ DBR Lasers </a:t>
            </a:r>
          </a:p>
          <a:p>
            <a:pPr>
              <a:lnSpc>
                <a:spcPct val="120000"/>
              </a:lnSpc>
              <a:spcAft>
                <a:spcPts val="450"/>
              </a:spcAft>
            </a:pPr>
            <a:r>
              <a:rPr lang="en-US" sz="3000" i="1" dirty="0">
                <a:solidFill>
                  <a:schemeClr val="tx1"/>
                </a:solidFill>
                <a:latin typeface="Calibri" panose="020F0502020204030204" pitchFamily="34" charset="0"/>
              </a:rPr>
              <a:t>Scalable Semiconductors for Quantum 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0DEA6C7-EFB6-EE4A-B42D-561510239D94}"/>
              </a:ext>
            </a:extLst>
          </p:cNvPr>
          <p:cNvSpPr txBox="1"/>
          <p:nvPr/>
        </p:nvSpPr>
        <p:spPr>
          <a:xfrm>
            <a:off x="3163922" y="4806162"/>
            <a:ext cx="2587567" cy="53091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25" b="1" dirty="0">
                <a:solidFill>
                  <a:schemeClr val="tx1"/>
                </a:solidFill>
                <a:latin typeface="Calibri" panose="020F0502020204030204" pitchFamily="34" charset="0"/>
              </a:rPr>
              <a:t>Quantum Marketplace Webinar</a:t>
            </a:r>
          </a:p>
          <a:p>
            <a:r>
              <a:rPr lang="en-US" sz="1425" b="1" dirty="0">
                <a:solidFill>
                  <a:schemeClr val="tx1"/>
                </a:solidFill>
                <a:latin typeface="Calibri" panose="020F0502020204030204" pitchFamily="34" charset="0"/>
              </a:rPr>
              <a:t>May 2021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357EF2A-DD38-1744-B768-70A3DFFBD3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FEC368-1D7A-4F81-ABF6-AE0E36BAF64C}" type="slidenum">
              <a:rPr lang="en-US" b="0" smtClean="0"/>
              <a:pPr/>
              <a:t>1</a:t>
            </a:fld>
            <a:endParaRPr lang="en-US" b="0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7990B67-86F7-4197-8F49-5C7E4A4292D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840231" y="3445091"/>
            <a:ext cx="1234937" cy="1200150"/>
          </a:xfrm>
          <a:prstGeom prst="rect">
            <a:avLst/>
          </a:prstGeom>
        </p:spPr>
      </p:pic>
      <p:pic>
        <p:nvPicPr>
          <p:cNvPr id="9" name="Picture 8" descr="Transparent logo.pdf">
            <a:extLst>
              <a:ext uri="{FF2B5EF4-FFF2-40B4-BE49-F238E27FC236}">
                <a16:creationId xmlns:a16="http://schemas.microsoft.com/office/drawing/2014/main" id="{9754AB99-50C7-9C4D-BF76-63DC95706090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701729" y="647700"/>
            <a:ext cx="5740542" cy="6134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2418917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2000" y="465834"/>
            <a:ext cx="6422920" cy="504170"/>
          </a:xfrm>
          <a:noFill/>
        </p:spPr>
        <p:txBody>
          <a:bodyPr>
            <a:normAutofit/>
          </a:bodyPr>
          <a:lstStyle/>
          <a:p>
            <a:r>
              <a:rPr lang="en-US" sz="2800" dirty="0"/>
              <a:t>We start with the gain medium…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34927" y="1362051"/>
            <a:ext cx="3370273" cy="3518153"/>
          </a:xfrm>
        </p:spPr>
        <p:txBody>
          <a:bodyPr>
            <a:normAutofit lnSpcReduction="10000"/>
          </a:bodyPr>
          <a:lstStyle/>
          <a:p>
            <a:pPr marL="231775" lvl="1" indent="-231775">
              <a:spcBef>
                <a:spcPts val="0"/>
              </a:spcBef>
              <a:spcAft>
                <a:spcPts val="450"/>
              </a:spcAft>
              <a:buClr>
                <a:srgbClr val="0BD0D9"/>
              </a:buClr>
              <a:buSzPct val="95000"/>
            </a:pPr>
            <a:r>
              <a:rPr lang="en-US" sz="1600" dirty="0"/>
              <a:t>Vertically integrated </a:t>
            </a:r>
          </a:p>
          <a:p>
            <a:pPr marL="504825" lvl="3" indent="-231775">
              <a:spcBef>
                <a:spcPts val="0"/>
              </a:spcBef>
              <a:spcAft>
                <a:spcPts val="450"/>
              </a:spcAft>
            </a:pPr>
            <a:r>
              <a:rPr lang="en-US" sz="1400" dirty="0"/>
              <a:t>In house wafer fab</a:t>
            </a:r>
          </a:p>
          <a:p>
            <a:pPr marL="504825" lvl="3" indent="-231775">
              <a:spcBef>
                <a:spcPts val="0"/>
              </a:spcBef>
              <a:spcAft>
                <a:spcPts val="450"/>
              </a:spcAft>
            </a:pPr>
            <a:r>
              <a:rPr lang="en-US" sz="1400" dirty="0"/>
              <a:t>Chip to package solution</a:t>
            </a:r>
            <a:endParaRPr lang="en-US" sz="1350" dirty="0"/>
          </a:p>
          <a:p>
            <a:pPr marL="231775" lvl="1" indent="-231775">
              <a:spcBef>
                <a:spcPts val="0"/>
              </a:spcBef>
              <a:spcAft>
                <a:spcPts val="450"/>
              </a:spcAft>
            </a:pPr>
            <a:endParaRPr lang="en-US" sz="1350" dirty="0"/>
          </a:p>
          <a:p>
            <a:pPr marL="231775" indent="-231775">
              <a:spcBef>
                <a:spcPts val="0"/>
              </a:spcBef>
              <a:spcAft>
                <a:spcPts val="450"/>
              </a:spcAft>
            </a:pPr>
            <a:r>
              <a:rPr lang="en-US" sz="1800" dirty="0"/>
              <a:t>Designed for Quantum</a:t>
            </a:r>
          </a:p>
          <a:p>
            <a:pPr marL="504825" lvl="3" indent="-231775">
              <a:spcBef>
                <a:spcPts val="0"/>
              </a:spcBef>
              <a:spcAft>
                <a:spcPts val="450"/>
              </a:spcAft>
            </a:pPr>
            <a:r>
              <a:rPr lang="en-US" sz="1600" dirty="0"/>
              <a:t>Single frequency</a:t>
            </a:r>
          </a:p>
          <a:p>
            <a:pPr marL="504825" lvl="3" indent="-231775">
              <a:spcBef>
                <a:spcPts val="0"/>
              </a:spcBef>
              <a:spcAft>
                <a:spcPts val="450"/>
              </a:spcAft>
            </a:pPr>
            <a:r>
              <a:rPr lang="en-US" sz="1600" dirty="0"/>
              <a:t>Tunable </a:t>
            </a:r>
          </a:p>
          <a:p>
            <a:pPr marL="504825" lvl="3" indent="-231775">
              <a:spcBef>
                <a:spcPts val="0"/>
              </a:spcBef>
              <a:spcAft>
                <a:spcPts val="450"/>
              </a:spcAft>
            </a:pPr>
            <a:r>
              <a:rPr lang="en-US" sz="1600" dirty="0"/>
              <a:t>Monolithic</a:t>
            </a:r>
          </a:p>
          <a:p>
            <a:pPr marL="504825" lvl="3" indent="-231775">
              <a:spcBef>
                <a:spcPts val="0"/>
              </a:spcBef>
              <a:spcAft>
                <a:spcPts val="450"/>
              </a:spcAft>
            </a:pPr>
            <a:r>
              <a:rPr lang="en-US" sz="1600" dirty="0"/>
              <a:t>Integrated</a:t>
            </a:r>
          </a:p>
          <a:p>
            <a:pPr marL="504825" lvl="3" indent="-231775">
              <a:spcBef>
                <a:spcPts val="0"/>
              </a:spcBef>
              <a:spcAft>
                <a:spcPts val="450"/>
              </a:spcAft>
            </a:pPr>
            <a:endParaRPr lang="en-US" sz="1600" dirty="0"/>
          </a:p>
          <a:p>
            <a:pPr marL="231775" lvl="2" indent="-231775">
              <a:spcBef>
                <a:spcPts val="0"/>
              </a:spcBef>
              <a:spcAft>
                <a:spcPts val="450"/>
              </a:spcAft>
            </a:pPr>
            <a:r>
              <a:rPr lang="en-US" sz="1700" dirty="0"/>
              <a:t>Used by researchers today</a:t>
            </a:r>
          </a:p>
          <a:p>
            <a:pPr marL="231775" lvl="2" indent="-231775">
              <a:spcBef>
                <a:spcPts val="0"/>
              </a:spcBef>
              <a:spcAft>
                <a:spcPts val="450"/>
              </a:spcAft>
            </a:pPr>
            <a:r>
              <a:rPr lang="en-US" sz="1700" dirty="0"/>
              <a:t>Scalable for OEMs tomorrow</a:t>
            </a:r>
            <a:r>
              <a:rPr lang="en-US" sz="1900" spc="-75" dirty="0">
                <a:solidFill>
                  <a:schemeClr val="tx2"/>
                </a:solidFill>
                <a:latin typeface="+mj-lt"/>
                <a:ea typeface="+mj-ea"/>
                <a:cs typeface="+mj-cs"/>
              </a:rPr>
              <a:t> 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65407" y="5351622"/>
            <a:ext cx="2743200" cy="246888"/>
          </a:xfrm>
        </p:spPr>
        <p:txBody>
          <a:bodyPr/>
          <a:lstStyle/>
          <a:p>
            <a:r>
              <a:rPr lang="en-US" dirty="0"/>
              <a:t>May 2021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8470770" y="295849"/>
            <a:ext cx="432065" cy="246888"/>
          </a:xfrm>
        </p:spPr>
        <p:txBody>
          <a:bodyPr/>
          <a:lstStyle/>
          <a:p>
            <a:fld id="{B4F97EF2-5460-E64F-AD2D-A818E614B73A}" type="slidenum">
              <a:rPr lang="en-US" b="0" smtClean="0"/>
              <a:pPr/>
              <a:t>2</a:t>
            </a:fld>
            <a:endParaRPr lang="en-US" b="0" dirty="0"/>
          </a:p>
        </p:txBody>
      </p:sp>
      <p:pic>
        <p:nvPicPr>
          <p:cNvPr id="7" name="Picture 6" descr="Transparent logo.pdf">
            <a:extLst>
              <a:ext uri="{FF2B5EF4-FFF2-40B4-BE49-F238E27FC236}">
                <a16:creationId xmlns:a16="http://schemas.microsoft.com/office/drawing/2014/main" id="{BE55A22A-ACD1-8E48-95FD-14F8B2B078CA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505200" y="5372100"/>
            <a:ext cx="2139287" cy="22860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4A0EAC6D-89D5-F542-BFA0-9C610CBACF4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623576" y="1009045"/>
            <a:ext cx="5279259" cy="3518153"/>
          </a:xfrm>
          <a:prstGeom prst="rect">
            <a:avLst/>
          </a:prstGeom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ED52A81C-C592-DB42-A708-58ECA4546488}"/>
              </a:ext>
            </a:extLst>
          </p:cNvPr>
          <p:cNvSpPr/>
          <p:nvPr/>
        </p:nvSpPr>
        <p:spPr>
          <a:xfrm>
            <a:off x="2661313" y="4688039"/>
            <a:ext cx="6254087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2800" i="1" dirty="0">
                <a:solidFill>
                  <a:schemeClr val="tx2"/>
                </a:solidFill>
                <a:latin typeface="Helvetica Neue"/>
                <a:ea typeface="ＭＳ Ｐゴシック" charset="0"/>
                <a:cs typeface="+mj-cs"/>
              </a:rPr>
              <a:t>…and enable the OEM Product</a:t>
            </a:r>
          </a:p>
        </p:txBody>
      </p:sp>
    </p:spTree>
    <p:extLst>
      <p:ext uri="{BB962C8B-B14F-4D97-AF65-F5344CB8AC3E}">
        <p14:creationId xmlns:p14="http://schemas.microsoft.com/office/powerpoint/2010/main" val="416525097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rotWithShape="1">
          <a:gsLst>
            <a:gs pos="0">
              <a:schemeClr val="bg1">
                <a:tint val="80000"/>
                <a:satMod val="400000"/>
                <a:lumMod val="19727"/>
                <a:lumOff val="80273"/>
              </a:schemeClr>
            </a:gs>
            <a:gs pos="25000">
              <a:schemeClr val="bg1">
                <a:tint val="83000"/>
                <a:satMod val="320000"/>
              </a:schemeClr>
            </a:gs>
            <a:gs pos="100000">
              <a:schemeClr val="bg1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04563180-1386-1B4C-9F29-D91C132FC14F}"/>
              </a:ext>
            </a:extLst>
          </p:cNvPr>
          <p:cNvSpPr/>
          <p:nvPr/>
        </p:nvSpPr>
        <p:spPr>
          <a:xfrm>
            <a:off x="499458" y="3131472"/>
            <a:ext cx="2080907" cy="2012028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9263" y="473275"/>
            <a:ext cx="7804425" cy="504170"/>
          </a:xfrm>
          <a:noFill/>
        </p:spPr>
        <p:txBody>
          <a:bodyPr>
            <a:normAutofit/>
          </a:bodyPr>
          <a:lstStyle/>
          <a:p>
            <a:r>
              <a:rPr lang="en-US" sz="2800" dirty="0"/>
              <a:t>Photodigm DBR lasers: a Platform Technology</a:t>
            </a:r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45C9D9B6-FD27-8845-9727-4E39B022900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28177" y="5353812"/>
            <a:ext cx="2743200" cy="246888"/>
          </a:xfrm>
        </p:spPr>
        <p:txBody>
          <a:bodyPr/>
          <a:lstStyle/>
          <a:p>
            <a:r>
              <a:rPr lang="en-US" dirty="0"/>
              <a:t>May 2021</a:t>
            </a:r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D8D5C8F-3149-8C46-A62B-EA6152C5AF4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FEC368-1D7A-4F81-ABF6-AE0E36BAF64C}" type="slidenum">
              <a:rPr lang="en-US" b="0" smtClean="0">
                <a:solidFill>
                  <a:schemeClr val="bg1"/>
                </a:solidFill>
              </a:rPr>
              <a:pPr/>
              <a:t>3</a:t>
            </a:fld>
            <a:endParaRPr lang="en-US" b="0" dirty="0">
              <a:solidFill>
                <a:schemeClr val="bg1"/>
              </a:solidFill>
            </a:endParaRPr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45581D79-2AF1-1A48-8869-06CF4124747C}"/>
              </a:ext>
            </a:extLst>
          </p:cNvPr>
          <p:cNvCxnSpPr>
            <a:cxnSpLocks noChangeAspect="1"/>
          </p:cNvCxnSpPr>
          <p:nvPr/>
        </p:nvCxnSpPr>
        <p:spPr>
          <a:xfrm flipH="1">
            <a:off x="344360" y="2610536"/>
            <a:ext cx="8594258" cy="0"/>
          </a:xfrm>
          <a:prstGeom prst="line">
            <a:avLst/>
          </a:prstGeom>
          <a:ln w="57150"/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</p:cxnSp>
      <p:grpSp>
        <p:nvGrpSpPr>
          <p:cNvPr id="12" name="Group 11">
            <a:extLst>
              <a:ext uri="{FF2B5EF4-FFF2-40B4-BE49-F238E27FC236}">
                <a16:creationId xmlns:a16="http://schemas.microsoft.com/office/drawing/2014/main" id="{FFF6B243-EF03-244C-B3A4-62469206D0E3}"/>
              </a:ext>
            </a:extLst>
          </p:cNvPr>
          <p:cNvGrpSpPr/>
          <p:nvPr/>
        </p:nvGrpSpPr>
        <p:grpSpPr>
          <a:xfrm>
            <a:off x="708769" y="1695233"/>
            <a:ext cx="640715" cy="891540"/>
            <a:chOff x="945026" y="4890241"/>
            <a:chExt cx="854286" cy="1188720"/>
          </a:xfrm>
        </p:grpSpPr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C1B38215-A2EF-FB49-B461-247F11BDDBE6}"/>
                </a:ext>
              </a:extLst>
            </p:cNvPr>
            <p:cNvSpPr/>
            <p:nvPr/>
          </p:nvSpPr>
          <p:spPr>
            <a:xfrm>
              <a:off x="953589" y="4890241"/>
              <a:ext cx="770708" cy="1188720"/>
            </a:xfrm>
            <a:prstGeom prst="rect">
              <a:avLst/>
            </a:prstGeom>
            <a:solidFill>
              <a:srgbClr val="5D1AC4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425">
                <a:solidFill>
                  <a:schemeClr val="tx1"/>
                </a:solidFill>
                <a:latin typeface="Helvetica" pitchFamily="2" charset="0"/>
              </a:endParaRPr>
            </a:p>
          </p:txBody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08AC6845-EEFA-EB42-97CF-CD5C57EE98B4}"/>
                </a:ext>
              </a:extLst>
            </p:cNvPr>
            <p:cNvSpPr txBox="1"/>
            <p:nvPr/>
          </p:nvSpPr>
          <p:spPr>
            <a:xfrm>
              <a:off x="945026" y="4914428"/>
              <a:ext cx="854286" cy="104336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900" dirty="0">
                  <a:solidFill>
                    <a:schemeClr val="tx1"/>
                  </a:solidFill>
                  <a:latin typeface="Helvetica" pitchFamily="2" charset="0"/>
                </a:rPr>
                <a:t>Direct 369</a:t>
              </a:r>
            </a:p>
            <a:p>
              <a:pPr algn="ctr"/>
              <a:r>
                <a:rPr lang="en-US" sz="900" dirty="0">
                  <a:solidFill>
                    <a:schemeClr val="tx1"/>
                  </a:solidFill>
                  <a:latin typeface="Helvetica" pitchFamily="2" charset="0"/>
                </a:rPr>
                <a:t>Yb</a:t>
              </a:r>
              <a:r>
                <a:rPr lang="en-US" sz="900" baseline="30000" dirty="0">
                  <a:solidFill>
                    <a:schemeClr val="tx1"/>
                  </a:solidFill>
                  <a:latin typeface="Helvetica" pitchFamily="2" charset="0"/>
                </a:rPr>
                <a:t>+</a:t>
              </a:r>
            </a:p>
            <a:p>
              <a:pPr algn="ctr"/>
              <a:endParaRPr lang="en-US" sz="900" baseline="30000" dirty="0">
                <a:solidFill>
                  <a:schemeClr val="tx1"/>
                </a:solidFill>
                <a:latin typeface="Helvetica" pitchFamily="2" charset="0"/>
              </a:endParaRPr>
            </a:p>
            <a:p>
              <a:pPr algn="ctr"/>
              <a:r>
                <a:rPr lang="en-US" sz="900" baseline="30000" dirty="0">
                  <a:solidFill>
                    <a:schemeClr val="tx1"/>
                  </a:solidFill>
                  <a:latin typeface="Helvetica" pitchFamily="2" charset="0"/>
                </a:rPr>
                <a:t> </a:t>
              </a:r>
              <a:r>
                <a:rPr lang="en-US" sz="585" dirty="0">
                  <a:solidFill>
                    <a:schemeClr val="tx1"/>
                  </a:solidFill>
                  <a:latin typeface="Helvetica" pitchFamily="2" charset="0"/>
                </a:rPr>
                <a:t>(under development)</a:t>
              </a:r>
            </a:p>
          </p:txBody>
        </p:sp>
      </p:grpSp>
      <p:sp>
        <p:nvSpPr>
          <p:cNvPr id="17" name="TextBox 16">
            <a:extLst>
              <a:ext uri="{FF2B5EF4-FFF2-40B4-BE49-F238E27FC236}">
                <a16:creationId xmlns:a16="http://schemas.microsoft.com/office/drawing/2014/main" id="{46AA4150-F45E-274E-865B-BC6F59204C25}"/>
              </a:ext>
            </a:extLst>
          </p:cNvPr>
          <p:cNvSpPr txBox="1"/>
          <p:nvPr/>
        </p:nvSpPr>
        <p:spPr>
          <a:xfrm>
            <a:off x="8604058" y="2035802"/>
            <a:ext cx="323165" cy="514350"/>
          </a:xfrm>
          <a:prstGeom prst="rect">
            <a:avLst/>
          </a:prstGeom>
          <a:noFill/>
        </p:spPr>
        <p:txBody>
          <a:bodyPr vert="vert270" wrap="square" rtlCol="0">
            <a:spAutoFit/>
          </a:bodyPr>
          <a:lstStyle/>
          <a:p>
            <a:pPr algn="ctr"/>
            <a:r>
              <a:rPr lang="en-US" sz="900" dirty="0">
                <a:solidFill>
                  <a:schemeClr val="tx1"/>
                </a:solidFill>
                <a:latin typeface="Helvetica" pitchFamily="2" charset="0"/>
              </a:rPr>
              <a:t>1083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9AEAA271-A21D-0E41-9859-E75FE096E81A}"/>
              </a:ext>
            </a:extLst>
          </p:cNvPr>
          <p:cNvSpPr txBox="1"/>
          <p:nvPr/>
        </p:nvSpPr>
        <p:spPr>
          <a:xfrm>
            <a:off x="4691081" y="1786625"/>
            <a:ext cx="323165" cy="514350"/>
          </a:xfrm>
          <a:prstGeom prst="rect">
            <a:avLst/>
          </a:prstGeom>
          <a:noFill/>
        </p:spPr>
        <p:txBody>
          <a:bodyPr vert="vert270" wrap="square" rtlCol="0">
            <a:spAutoFit/>
          </a:bodyPr>
          <a:lstStyle/>
          <a:p>
            <a:pPr algn="ctr"/>
            <a:r>
              <a:rPr lang="en-US" sz="900" dirty="0">
                <a:solidFill>
                  <a:schemeClr val="tx1"/>
                </a:solidFill>
                <a:latin typeface="Helvetica" pitchFamily="2" charset="0"/>
              </a:rPr>
              <a:t>770</a:t>
            </a:r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03494B2C-BD7B-4941-819D-8E82E9A85C36}"/>
              </a:ext>
            </a:extLst>
          </p:cNvPr>
          <p:cNvGrpSpPr/>
          <p:nvPr/>
        </p:nvGrpSpPr>
        <p:grpSpPr>
          <a:xfrm>
            <a:off x="1585903" y="2071647"/>
            <a:ext cx="1969694" cy="515423"/>
            <a:chOff x="2114536" y="5241427"/>
            <a:chExt cx="2626259" cy="687231"/>
          </a:xfrm>
        </p:grpSpPr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B3BF7024-E9AB-DF4E-9569-62BAA8A4EB02}"/>
                </a:ext>
              </a:extLst>
            </p:cNvPr>
            <p:cNvGrpSpPr/>
            <p:nvPr/>
          </p:nvGrpSpPr>
          <p:grpSpPr>
            <a:xfrm>
              <a:off x="2114536" y="5242858"/>
              <a:ext cx="430887" cy="685800"/>
              <a:chOff x="3885387" y="5099316"/>
              <a:chExt cx="430887" cy="931801"/>
            </a:xfrm>
          </p:grpSpPr>
          <p:sp>
            <p:nvSpPr>
              <p:cNvPr id="30" name="Rectangle 29">
                <a:extLst>
                  <a:ext uri="{FF2B5EF4-FFF2-40B4-BE49-F238E27FC236}">
                    <a16:creationId xmlns:a16="http://schemas.microsoft.com/office/drawing/2014/main" id="{DA7D96CD-9391-7443-BC7A-B2A48E3DBB6A}"/>
                  </a:ext>
                </a:extLst>
              </p:cNvPr>
              <p:cNvSpPr/>
              <p:nvPr/>
            </p:nvSpPr>
            <p:spPr>
              <a:xfrm>
                <a:off x="3942538" y="5116717"/>
                <a:ext cx="228600" cy="914400"/>
              </a:xfrm>
              <a:prstGeom prst="rect">
                <a:avLst/>
              </a:prstGeom>
              <a:solidFill>
                <a:schemeClr val="accent1">
                  <a:lumMod val="60000"/>
                  <a:lumOff val="40000"/>
                </a:schemeClr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425">
                  <a:solidFill>
                    <a:schemeClr val="tx1"/>
                  </a:solidFill>
                  <a:latin typeface="Helvetica" pitchFamily="2" charset="0"/>
                </a:endParaRPr>
              </a:p>
            </p:txBody>
          </p:sp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622A9E50-53F2-DD43-A9ED-46E1B710EEAF}"/>
                  </a:ext>
                </a:extLst>
              </p:cNvPr>
              <p:cNvSpPr txBox="1"/>
              <p:nvPr/>
            </p:nvSpPr>
            <p:spPr>
              <a:xfrm>
                <a:off x="3885387" y="5099316"/>
                <a:ext cx="430887" cy="914400"/>
              </a:xfrm>
              <a:prstGeom prst="rect">
                <a:avLst/>
              </a:prstGeom>
              <a:noFill/>
            </p:spPr>
            <p:txBody>
              <a:bodyPr vert="vert270" wrap="square" rtlCol="0">
                <a:spAutoFit/>
              </a:bodyPr>
              <a:lstStyle/>
              <a:p>
                <a:pPr algn="ctr"/>
                <a:r>
                  <a:rPr lang="en-US" sz="900" dirty="0">
                    <a:solidFill>
                      <a:schemeClr val="tx1"/>
                    </a:solidFill>
                    <a:latin typeface="Helvetica" pitchFamily="2" charset="0"/>
                  </a:rPr>
                  <a:t>397</a:t>
                </a:r>
              </a:p>
            </p:txBody>
          </p:sp>
        </p:grpSp>
        <p:grpSp>
          <p:nvGrpSpPr>
            <p:cNvPr id="21" name="Group 20">
              <a:extLst>
                <a:ext uri="{FF2B5EF4-FFF2-40B4-BE49-F238E27FC236}">
                  <a16:creationId xmlns:a16="http://schemas.microsoft.com/office/drawing/2014/main" id="{61F9F9BA-1007-E045-B62E-6B9982C59155}"/>
                </a:ext>
              </a:extLst>
            </p:cNvPr>
            <p:cNvGrpSpPr/>
            <p:nvPr/>
          </p:nvGrpSpPr>
          <p:grpSpPr>
            <a:xfrm>
              <a:off x="4125242" y="5241427"/>
              <a:ext cx="615553" cy="685800"/>
              <a:chOff x="3885387" y="5099316"/>
              <a:chExt cx="615553" cy="931801"/>
            </a:xfrm>
          </p:grpSpPr>
          <p:sp>
            <p:nvSpPr>
              <p:cNvPr id="28" name="Rectangle 27">
                <a:extLst>
                  <a:ext uri="{FF2B5EF4-FFF2-40B4-BE49-F238E27FC236}">
                    <a16:creationId xmlns:a16="http://schemas.microsoft.com/office/drawing/2014/main" id="{7A563A6A-E6CA-6B45-825D-3648C46A4DE3}"/>
                  </a:ext>
                </a:extLst>
              </p:cNvPr>
              <p:cNvSpPr/>
              <p:nvPr/>
            </p:nvSpPr>
            <p:spPr>
              <a:xfrm>
                <a:off x="3942538" y="5116717"/>
                <a:ext cx="228600" cy="914400"/>
              </a:xfrm>
              <a:prstGeom prst="rect">
                <a:avLst/>
              </a:prstGeom>
              <a:solidFill>
                <a:schemeClr val="accent1">
                  <a:lumMod val="60000"/>
                  <a:lumOff val="40000"/>
                </a:schemeClr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425">
                  <a:solidFill>
                    <a:schemeClr val="tx1"/>
                  </a:solidFill>
                  <a:latin typeface="Helvetica" pitchFamily="2" charset="0"/>
                </a:endParaRPr>
              </a:p>
            </p:txBody>
          </p:sp>
          <p:sp>
            <p:nvSpPr>
              <p:cNvPr id="29" name="TextBox 28">
                <a:extLst>
                  <a:ext uri="{FF2B5EF4-FFF2-40B4-BE49-F238E27FC236}">
                    <a16:creationId xmlns:a16="http://schemas.microsoft.com/office/drawing/2014/main" id="{FDEB9768-FC03-C74C-A29C-229180ED7BEF}"/>
                  </a:ext>
                </a:extLst>
              </p:cNvPr>
              <p:cNvSpPr txBox="1"/>
              <p:nvPr/>
            </p:nvSpPr>
            <p:spPr>
              <a:xfrm>
                <a:off x="3885387" y="5099316"/>
                <a:ext cx="615553" cy="914400"/>
              </a:xfrm>
              <a:prstGeom prst="rect">
                <a:avLst/>
              </a:prstGeom>
              <a:noFill/>
            </p:spPr>
            <p:txBody>
              <a:bodyPr vert="vert270" wrap="square" rtlCol="0">
                <a:spAutoFit/>
              </a:bodyPr>
              <a:lstStyle/>
              <a:p>
                <a:pPr algn="ctr"/>
                <a:r>
                  <a:rPr lang="en-US" sz="900" dirty="0">
                    <a:solidFill>
                      <a:schemeClr val="tx1"/>
                    </a:solidFill>
                    <a:latin typeface="Helvetica" pitchFamily="2" charset="0"/>
                  </a:rPr>
                  <a:t>461</a:t>
                </a:r>
              </a:p>
              <a:p>
                <a:pPr algn="ctr"/>
                <a:endParaRPr lang="en-US" sz="900" dirty="0">
                  <a:solidFill>
                    <a:schemeClr val="tx1"/>
                  </a:solidFill>
                  <a:latin typeface="Helvetica" pitchFamily="2" charset="0"/>
                </a:endParaRPr>
              </a:p>
            </p:txBody>
          </p:sp>
        </p:grpSp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4A633CFC-92A6-3942-9408-48C11B10E13C}"/>
                </a:ext>
              </a:extLst>
            </p:cNvPr>
            <p:cNvGrpSpPr/>
            <p:nvPr/>
          </p:nvGrpSpPr>
          <p:grpSpPr>
            <a:xfrm>
              <a:off x="3452639" y="5242858"/>
              <a:ext cx="615553" cy="685800"/>
              <a:chOff x="3885387" y="5099316"/>
              <a:chExt cx="615553" cy="931801"/>
            </a:xfrm>
          </p:grpSpPr>
          <p:sp>
            <p:nvSpPr>
              <p:cNvPr id="26" name="Rectangle 25">
                <a:extLst>
                  <a:ext uri="{FF2B5EF4-FFF2-40B4-BE49-F238E27FC236}">
                    <a16:creationId xmlns:a16="http://schemas.microsoft.com/office/drawing/2014/main" id="{C9B6FE19-DB81-7A43-8084-270D8061C900}"/>
                  </a:ext>
                </a:extLst>
              </p:cNvPr>
              <p:cNvSpPr/>
              <p:nvPr/>
            </p:nvSpPr>
            <p:spPr>
              <a:xfrm>
                <a:off x="3942538" y="5116717"/>
                <a:ext cx="228600" cy="914400"/>
              </a:xfrm>
              <a:prstGeom prst="rect">
                <a:avLst/>
              </a:prstGeom>
              <a:solidFill>
                <a:schemeClr val="accent1">
                  <a:lumMod val="60000"/>
                  <a:lumOff val="40000"/>
                </a:schemeClr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425">
                  <a:solidFill>
                    <a:schemeClr val="tx1"/>
                  </a:solidFill>
                  <a:latin typeface="Helvetica" pitchFamily="2" charset="0"/>
                </a:endParaRPr>
              </a:p>
            </p:txBody>
          </p:sp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6FBEB276-ECAD-004B-9811-EEA3D2AF3ADC}"/>
                  </a:ext>
                </a:extLst>
              </p:cNvPr>
              <p:cNvSpPr txBox="1"/>
              <p:nvPr/>
            </p:nvSpPr>
            <p:spPr>
              <a:xfrm>
                <a:off x="3885387" y="5099316"/>
                <a:ext cx="615553" cy="914400"/>
              </a:xfrm>
              <a:prstGeom prst="rect">
                <a:avLst/>
              </a:prstGeom>
              <a:noFill/>
            </p:spPr>
            <p:txBody>
              <a:bodyPr vert="vert270" wrap="square" rtlCol="0">
                <a:spAutoFit/>
              </a:bodyPr>
              <a:lstStyle/>
              <a:p>
                <a:pPr algn="ctr"/>
                <a:r>
                  <a:rPr lang="en-US" sz="900" dirty="0">
                    <a:solidFill>
                      <a:schemeClr val="tx1"/>
                    </a:solidFill>
                    <a:latin typeface="Helvetica" pitchFamily="2" charset="0"/>
                  </a:rPr>
                  <a:t>436</a:t>
                </a:r>
              </a:p>
              <a:p>
                <a:pPr algn="ctr"/>
                <a:endParaRPr lang="en-US" sz="900" dirty="0">
                  <a:solidFill>
                    <a:schemeClr val="tx1"/>
                  </a:solidFill>
                  <a:latin typeface="Helvetica" pitchFamily="2" charset="0"/>
                </a:endParaRPr>
              </a:p>
            </p:txBody>
          </p:sp>
        </p:grpSp>
        <p:grpSp>
          <p:nvGrpSpPr>
            <p:cNvPr id="23" name="Group 22">
              <a:extLst>
                <a:ext uri="{FF2B5EF4-FFF2-40B4-BE49-F238E27FC236}">
                  <a16:creationId xmlns:a16="http://schemas.microsoft.com/office/drawing/2014/main" id="{82AE3001-92CE-EE41-A99B-851C9FAFB160}"/>
                </a:ext>
              </a:extLst>
            </p:cNvPr>
            <p:cNvGrpSpPr/>
            <p:nvPr/>
          </p:nvGrpSpPr>
          <p:grpSpPr>
            <a:xfrm>
              <a:off x="2544663" y="5242858"/>
              <a:ext cx="430887" cy="685800"/>
              <a:chOff x="3885387" y="5099316"/>
              <a:chExt cx="430887" cy="931801"/>
            </a:xfrm>
          </p:grpSpPr>
          <p:sp>
            <p:nvSpPr>
              <p:cNvPr id="24" name="Rectangle 23">
                <a:extLst>
                  <a:ext uri="{FF2B5EF4-FFF2-40B4-BE49-F238E27FC236}">
                    <a16:creationId xmlns:a16="http://schemas.microsoft.com/office/drawing/2014/main" id="{5B15B691-3C80-D54D-8131-BE6E47CF8F4D}"/>
                  </a:ext>
                </a:extLst>
              </p:cNvPr>
              <p:cNvSpPr/>
              <p:nvPr/>
            </p:nvSpPr>
            <p:spPr>
              <a:xfrm>
                <a:off x="3942538" y="5116717"/>
                <a:ext cx="228600" cy="914400"/>
              </a:xfrm>
              <a:prstGeom prst="rect">
                <a:avLst/>
              </a:prstGeom>
              <a:solidFill>
                <a:schemeClr val="accent1">
                  <a:lumMod val="60000"/>
                  <a:lumOff val="40000"/>
                </a:schemeClr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425">
                  <a:solidFill>
                    <a:schemeClr val="tx1"/>
                  </a:solidFill>
                  <a:latin typeface="Helvetica" pitchFamily="2" charset="0"/>
                </a:endParaRPr>
              </a:p>
            </p:txBody>
          </p:sp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F6541EC5-553E-854D-8F67-7F20F417CAEF}"/>
                  </a:ext>
                </a:extLst>
              </p:cNvPr>
              <p:cNvSpPr txBox="1"/>
              <p:nvPr/>
            </p:nvSpPr>
            <p:spPr>
              <a:xfrm>
                <a:off x="3885387" y="5099316"/>
                <a:ext cx="430887" cy="914400"/>
              </a:xfrm>
              <a:prstGeom prst="rect">
                <a:avLst/>
              </a:prstGeom>
              <a:noFill/>
            </p:spPr>
            <p:txBody>
              <a:bodyPr vert="vert270" wrap="square" rtlCol="0">
                <a:spAutoFit/>
              </a:bodyPr>
              <a:lstStyle/>
              <a:p>
                <a:pPr algn="ctr"/>
                <a:r>
                  <a:rPr lang="en-US" sz="900" dirty="0">
                    <a:solidFill>
                      <a:schemeClr val="tx1"/>
                    </a:solidFill>
                    <a:latin typeface="Helvetica" pitchFamily="2" charset="0"/>
                  </a:rPr>
                  <a:t>404</a:t>
                </a:r>
              </a:p>
            </p:txBody>
          </p:sp>
        </p:grpSp>
      </p:grpSp>
      <p:grpSp>
        <p:nvGrpSpPr>
          <p:cNvPr id="32" name="Group 31">
            <a:extLst>
              <a:ext uri="{FF2B5EF4-FFF2-40B4-BE49-F238E27FC236}">
                <a16:creationId xmlns:a16="http://schemas.microsoft.com/office/drawing/2014/main" id="{DF8F9F5A-6A59-4842-9921-B6E41B041FA0}"/>
              </a:ext>
            </a:extLst>
          </p:cNvPr>
          <p:cNvGrpSpPr/>
          <p:nvPr/>
        </p:nvGrpSpPr>
        <p:grpSpPr>
          <a:xfrm>
            <a:off x="6335486" y="1688228"/>
            <a:ext cx="514350" cy="891540"/>
            <a:chOff x="8447315" y="4876747"/>
            <a:chExt cx="685800" cy="1188720"/>
          </a:xfrm>
        </p:grpSpPr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D66F3A61-C248-344C-89E2-DEE9CC3BF889}"/>
                </a:ext>
              </a:extLst>
            </p:cNvPr>
            <p:cNvSpPr/>
            <p:nvPr/>
          </p:nvSpPr>
          <p:spPr>
            <a:xfrm>
              <a:off x="8447315" y="4876747"/>
              <a:ext cx="685800" cy="1188720"/>
            </a:xfrm>
            <a:prstGeom prst="rect">
              <a:avLst/>
            </a:prstGeom>
            <a:solidFill>
              <a:srgbClr val="FF000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425">
                <a:solidFill>
                  <a:schemeClr val="tx1"/>
                </a:solidFill>
                <a:latin typeface="Helvetica" pitchFamily="2" charset="0"/>
              </a:endParaRPr>
            </a:p>
          </p:txBody>
        </p:sp>
        <p:sp>
          <p:nvSpPr>
            <p:cNvPr id="34" name="TextBox 33">
              <a:extLst>
                <a:ext uri="{FF2B5EF4-FFF2-40B4-BE49-F238E27FC236}">
                  <a16:creationId xmlns:a16="http://schemas.microsoft.com/office/drawing/2014/main" id="{070FE64A-FA33-6849-A896-99F0D2F66E68}"/>
                </a:ext>
              </a:extLst>
            </p:cNvPr>
            <p:cNvSpPr txBox="1"/>
            <p:nvPr/>
          </p:nvSpPr>
          <p:spPr>
            <a:xfrm>
              <a:off x="8614346" y="5108578"/>
              <a:ext cx="430887" cy="713047"/>
            </a:xfrm>
            <a:prstGeom prst="rect">
              <a:avLst/>
            </a:prstGeom>
            <a:noFill/>
          </p:spPr>
          <p:txBody>
            <a:bodyPr vert="vert270" wrap="square" rtlCol="0">
              <a:spAutoFit/>
            </a:bodyPr>
            <a:lstStyle/>
            <a:p>
              <a:pPr algn="ctr"/>
              <a:r>
                <a:rPr lang="en-US" sz="900" dirty="0">
                  <a:solidFill>
                    <a:schemeClr val="tx1"/>
                  </a:solidFill>
                  <a:latin typeface="Helvetica" pitchFamily="2" charset="0"/>
                </a:rPr>
                <a:t>780 Rb</a:t>
              </a:r>
            </a:p>
          </p:txBody>
        </p:sp>
      </p:grpSp>
      <p:grpSp>
        <p:nvGrpSpPr>
          <p:cNvPr id="35" name="Group 34">
            <a:extLst>
              <a:ext uri="{FF2B5EF4-FFF2-40B4-BE49-F238E27FC236}">
                <a16:creationId xmlns:a16="http://schemas.microsoft.com/office/drawing/2014/main" id="{9AE1AB1A-FB6A-A84B-9A61-FC9F862362B0}"/>
              </a:ext>
            </a:extLst>
          </p:cNvPr>
          <p:cNvGrpSpPr/>
          <p:nvPr/>
        </p:nvGrpSpPr>
        <p:grpSpPr>
          <a:xfrm>
            <a:off x="7493104" y="1688228"/>
            <a:ext cx="511535" cy="891540"/>
            <a:chOff x="9990796" y="5076780"/>
            <a:chExt cx="457200" cy="1097280"/>
          </a:xfrm>
        </p:grpSpPr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03B01622-F011-494D-BCE0-EE35469E02BC}"/>
                </a:ext>
              </a:extLst>
            </p:cNvPr>
            <p:cNvSpPr/>
            <p:nvPr/>
          </p:nvSpPr>
          <p:spPr>
            <a:xfrm>
              <a:off x="9990796" y="5076780"/>
              <a:ext cx="457200" cy="1097280"/>
            </a:xfrm>
            <a:prstGeom prst="rect">
              <a:avLst/>
            </a:prstGeom>
            <a:solidFill>
              <a:srgbClr val="FF000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425">
                <a:solidFill>
                  <a:schemeClr val="tx1"/>
                </a:solidFill>
                <a:latin typeface="Helvetica" pitchFamily="2" charset="0"/>
              </a:endParaRPr>
            </a:p>
          </p:txBody>
        </p:sp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F92911DC-BB57-B849-9163-693D1E282937}"/>
                </a:ext>
              </a:extLst>
            </p:cNvPr>
            <p:cNvSpPr txBox="1"/>
            <p:nvPr/>
          </p:nvSpPr>
          <p:spPr>
            <a:xfrm>
              <a:off x="10081180" y="5265587"/>
              <a:ext cx="288839" cy="685801"/>
            </a:xfrm>
            <a:prstGeom prst="rect">
              <a:avLst/>
            </a:prstGeom>
            <a:noFill/>
          </p:spPr>
          <p:txBody>
            <a:bodyPr vert="vert270" wrap="square" rtlCol="0">
              <a:spAutoFit/>
            </a:bodyPr>
            <a:lstStyle/>
            <a:p>
              <a:pPr algn="ctr"/>
              <a:r>
                <a:rPr lang="en-US" sz="900" dirty="0">
                  <a:solidFill>
                    <a:schemeClr val="tx1"/>
                  </a:solidFill>
                  <a:latin typeface="Helvetica" pitchFamily="2" charset="0"/>
                </a:rPr>
                <a:t>852 Cs</a:t>
              </a:r>
            </a:p>
          </p:txBody>
        </p:sp>
      </p:grpSp>
      <p:sp>
        <p:nvSpPr>
          <p:cNvPr id="38" name="Rectangle 37">
            <a:extLst>
              <a:ext uri="{FF2B5EF4-FFF2-40B4-BE49-F238E27FC236}">
                <a16:creationId xmlns:a16="http://schemas.microsoft.com/office/drawing/2014/main" id="{7DFA7250-89B3-4744-BD7C-AB95ADCFA150}"/>
              </a:ext>
            </a:extLst>
          </p:cNvPr>
          <p:cNvSpPr/>
          <p:nvPr/>
        </p:nvSpPr>
        <p:spPr>
          <a:xfrm>
            <a:off x="8142461" y="2071647"/>
            <a:ext cx="171450" cy="514350"/>
          </a:xfrm>
          <a:prstGeom prst="rect">
            <a:avLst/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US" sz="900" dirty="0">
                <a:solidFill>
                  <a:schemeClr val="tx1"/>
                </a:solidFill>
                <a:latin typeface="Helvetica" pitchFamily="2" charset="0"/>
              </a:rPr>
              <a:t>895</a:t>
            </a:r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E70DC836-6500-E04A-9D48-DB76A5C3D633}"/>
              </a:ext>
            </a:extLst>
          </p:cNvPr>
          <p:cNvSpPr/>
          <p:nvPr/>
        </p:nvSpPr>
        <p:spPr>
          <a:xfrm>
            <a:off x="6996116" y="2063498"/>
            <a:ext cx="171450" cy="514350"/>
          </a:xfrm>
          <a:prstGeom prst="rect">
            <a:avLst/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US" sz="900" dirty="0">
                <a:solidFill>
                  <a:schemeClr val="tx1"/>
                </a:solidFill>
                <a:latin typeface="Helvetica" pitchFamily="2" charset="0"/>
              </a:rPr>
              <a:t>795</a:t>
            </a:r>
          </a:p>
        </p:txBody>
      </p:sp>
      <p:sp>
        <p:nvSpPr>
          <p:cNvPr id="40" name="Rectangle 39">
            <a:extLst>
              <a:ext uri="{FF2B5EF4-FFF2-40B4-BE49-F238E27FC236}">
                <a16:creationId xmlns:a16="http://schemas.microsoft.com/office/drawing/2014/main" id="{C7D64FFC-7EDD-6D45-9D97-15CD746EE7FF}"/>
              </a:ext>
            </a:extLst>
          </p:cNvPr>
          <p:cNvSpPr/>
          <p:nvPr/>
        </p:nvSpPr>
        <p:spPr>
          <a:xfrm>
            <a:off x="8366755" y="2071647"/>
            <a:ext cx="171450" cy="514350"/>
          </a:xfrm>
          <a:prstGeom prst="rect">
            <a:avLst/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US" sz="900" dirty="0">
                <a:solidFill>
                  <a:schemeClr val="tx1"/>
                </a:solidFill>
                <a:latin typeface="Helvetica" pitchFamily="2" charset="0"/>
              </a:rPr>
              <a:t>920</a:t>
            </a:r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id="{23B6C447-0430-D64A-998A-544A0CDB72A6}"/>
              </a:ext>
            </a:extLst>
          </p:cNvPr>
          <p:cNvSpPr/>
          <p:nvPr/>
        </p:nvSpPr>
        <p:spPr>
          <a:xfrm>
            <a:off x="8716818" y="2071647"/>
            <a:ext cx="171450" cy="514350"/>
          </a:xfrm>
          <a:prstGeom prst="rect">
            <a:avLst/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US" sz="900" dirty="0">
                <a:solidFill>
                  <a:schemeClr val="tx1"/>
                </a:solidFill>
                <a:latin typeface="Helvetica" pitchFamily="2" charset="0"/>
              </a:rPr>
              <a:t>1083</a:t>
            </a:r>
          </a:p>
        </p:txBody>
      </p:sp>
      <p:sp>
        <p:nvSpPr>
          <p:cNvPr id="42" name="Rectangle 41">
            <a:extLst>
              <a:ext uri="{FF2B5EF4-FFF2-40B4-BE49-F238E27FC236}">
                <a16:creationId xmlns:a16="http://schemas.microsoft.com/office/drawing/2014/main" id="{E09D1304-F386-E147-8B96-B7EFAC8659F6}"/>
              </a:ext>
            </a:extLst>
          </p:cNvPr>
          <p:cNvSpPr/>
          <p:nvPr/>
        </p:nvSpPr>
        <p:spPr>
          <a:xfrm>
            <a:off x="4869067" y="2065994"/>
            <a:ext cx="171450" cy="514350"/>
          </a:xfrm>
          <a:prstGeom prst="rect">
            <a:avLst/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US" sz="900" dirty="0">
                <a:solidFill>
                  <a:schemeClr val="tx1"/>
                </a:solidFill>
                <a:latin typeface="Helvetica" pitchFamily="2" charset="0"/>
              </a:rPr>
              <a:t>739</a:t>
            </a:r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A93079C6-C0FB-F245-9D5A-5B0EC5C114F1}"/>
              </a:ext>
            </a:extLst>
          </p:cNvPr>
          <p:cNvSpPr/>
          <p:nvPr/>
        </p:nvSpPr>
        <p:spPr>
          <a:xfrm>
            <a:off x="5315782" y="2065994"/>
            <a:ext cx="171450" cy="514350"/>
          </a:xfrm>
          <a:prstGeom prst="rect">
            <a:avLst/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US" sz="900" dirty="0">
                <a:solidFill>
                  <a:schemeClr val="tx1"/>
                </a:solidFill>
                <a:latin typeface="Helvetica" pitchFamily="2" charset="0"/>
              </a:rPr>
              <a:t>767</a:t>
            </a:r>
          </a:p>
        </p:txBody>
      </p:sp>
      <p:sp>
        <p:nvSpPr>
          <p:cNvPr id="44" name="Rectangle 43">
            <a:extLst>
              <a:ext uri="{FF2B5EF4-FFF2-40B4-BE49-F238E27FC236}">
                <a16:creationId xmlns:a16="http://schemas.microsoft.com/office/drawing/2014/main" id="{236E41C8-8006-B144-A13A-03E2F52B47FA}"/>
              </a:ext>
            </a:extLst>
          </p:cNvPr>
          <p:cNvSpPr/>
          <p:nvPr/>
        </p:nvSpPr>
        <p:spPr>
          <a:xfrm>
            <a:off x="5551329" y="2065994"/>
            <a:ext cx="171450" cy="514350"/>
          </a:xfrm>
          <a:prstGeom prst="rect">
            <a:avLst/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US" sz="900" dirty="0">
                <a:solidFill>
                  <a:schemeClr val="tx1"/>
                </a:solidFill>
                <a:latin typeface="Helvetica" pitchFamily="2" charset="0"/>
              </a:rPr>
              <a:t>770</a:t>
            </a:r>
          </a:p>
        </p:txBody>
      </p:sp>
      <p:sp>
        <p:nvSpPr>
          <p:cNvPr id="45" name="Rectangle 44">
            <a:extLst>
              <a:ext uri="{FF2B5EF4-FFF2-40B4-BE49-F238E27FC236}">
                <a16:creationId xmlns:a16="http://schemas.microsoft.com/office/drawing/2014/main" id="{16A9B0F1-9FAE-F74A-8D09-34EEBE444889}"/>
              </a:ext>
            </a:extLst>
          </p:cNvPr>
          <p:cNvSpPr/>
          <p:nvPr/>
        </p:nvSpPr>
        <p:spPr>
          <a:xfrm>
            <a:off x="344360" y="1361849"/>
            <a:ext cx="8594258" cy="323562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25" dirty="0">
                <a:latin typeface="Helvetica" pitchFamily="2" charset="0"/>
              </a:rPr>
              <a:t>Clocks, Magnetometers, Gravimeters, Communications, Computers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40DA7325-BA42-A64C-A687-2D464CE257BA}"/>
              </a:ext>
            </a:extLst>
          </p:cNvPr>
          <p:cNvSpPr txBox="1"/>
          <p:nvPr/>
        </p:nvSpPr>
        <p:spPr>
          <a:xfrm>
            <a:off x="4660218" y="1741609"/>
            <a:ext cx="1475003" cy="369332"/>
          </a:xfrm>
          <a:prstGeom prst="rect">
            <a:avLst/>
          </a:prstGeom>
          <a:solidFill>
            <a:srgbClr val="C00000"/>
          </a:solidFill>
          <a:ln>
            <a:solidFill>
              <a:srgbClr val="C00000"/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en-US" sz="900" dirty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Helvetica" pitchFamily="2" charset="0"/>
              </a:rPr>
              <a:t>Existing DBR Products between 739 ad 1100 nm</a:t>
            </a: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A27A9C6B-C7F6-DA41-928D-0C313526EA3B}"/>
              </a:ext>
            </a:extLst>
          </p:cNvPr>
          <p:cNvSpPr txBox="1"/>
          <p:nvPr/>
        </p:nvSpPr>
        <p:spPr>
          <a:xfrm>
            <a:off x="1375755" y="1743351"/>
            <a:ext cx="2672059" cy="369332"/>
          </a:xfrm>
          <a:prstGeom prst="rect">
            <a:avLst/>
          </a:prstGeom>
          <a:solidFill>
            <a:schemeClr val="accent1">
              <a:lumMod val="75000"/>
            </a:schemeClr>
          </a:solidFill>
          <a:ln>
            <a:noFill/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en-US" sz="900" dirty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Helvetica" pitchFamily="2" charset="0"/>
              </a:rPr>
              <a:t>Ca, Ba, Sr wavelengths by frequency conversion</a:t>
            </a:r>
          </a:p>
          <a:p>
            <a:r>
              <a:rPr lang="en-US" sz="900" dirty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Helvetica" pitchFamily="2" charset="0"/>
              </a:rPr>
              <a:t>(fundamental wavelengths available)</a:t>
            </a:r>
          </a:p>
        </p:txBody>
      </p:sp>
      <p:grpSp>
        <p:nvGrpSpPr>
          <p:cNvPr id="50" name="Group 49">
            <a:extLst>
              <a:ext uri="{FF2B5EF4-FFF2-40B4-BE49-F238E27FC236}">
                <a16:creationId xmlns:a16="http://schemas.microsoft.com/office/drawing/2014/main" id="{8DFC1B0D-9DBA-F040-B915-009BD5EF59DB}"/>
              </a:ext>
            </a:extLst>
          </p:cNvPr>
          <p:cNvGrpSpPr/>
          <p:nvPr/>
        </p:nvGrpSpPr>
        <p:grpSpPr>
          <a:xfrm>
            <a:off x="3309524" y="3097133"/>
            <a:ext cx="2116988" cy="2058291"/>
            <a:chOff x="3644112" y="3082064"/>
            <a:chExt cx="2116988" cy="2058291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293EB9EE-22D3-0942-8C73-551B3A63AEF9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3644112" y="3082064"/>
              <a:ext cx="2073823" cy="2058291"/>
            </a:xfrm>
            <a:prstGeom prst="rect">
              <a:avLst/>
            </a:prstGeom>
          </p:spPr>
        </p:pic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CCDEE860-79D8-5341-A174-168113043436}"/>
                </a:ext>
              </a:extLst>
            </p:cNvPr>
            <p:cNvSpPr txBox="1"/>
            <p:nvPr/>
          </p:nvSpPr>
          <p:spPr>
            <a:xfrm>
              <a:off x="4958749" y="4565119"/>
              <a:ext cx="802351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000" b="1" dirty="0">
                  <a:latin typeface="Helvetica" pitchFamily="2" charset="0"/>
                </a:rPr>
                <a:t>Rb</a:t>
              </a:r>
            </a:p>
          </p:txBody>
        </p:sp>
      </p:grpSp>
      <p:grpSp>
        <p:nvGrpSpPr>
          <p:cNvPr id="52" name="Group 51">
            <a:extLst>
              <a:ext uri="{FF2B5EF4-FFF2-40B4-BE49-F238E27FC236}">
                <a16:creationId xmlns:a16="http://schemas.microsoft.com/office/drawing/2014/main" id="{343752B2-3ABC-7245-B0E1-8ABD28A8BA42}"/>
              </a:ext>
            </a:extLst>
          </p:cNvPr>
          <p:cNvGrpSpPr/>
          <p:nvPr/>
        </p:nvGrpSpPr>
        <p:grpSpPr>
          <a:xfrm>
            <a:off x="5869783" y="3266512"/>
            <a:ext cx="2988543" cy="1743772"/>
            <a:chOff x="5869783" y="3266512"/>
            <a:chExt cx="2988543" cy="1743772"/>
          </a:xfrm>
        </p:grpSpPr>
        <p:pic>
          <p:nvPicPr>
            <p:cNvPr id="1025" name="Picture 1" descr="page3image620379280">
              <a:extLst>
                <a:ext uri="{FF2B5EF4-FFF2-40B4-BE49-F238E27FC236}">
                  <a16:creationId xmlns:a16="http://schemas.microsoft.com/office/drawing/2014/main" id="{A697C1D2-6BC7-BB41-BC90-09C4234DFE79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061301" y="3266512"/>
              <a:ext cx="2797025" cy="174377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4" name="TextBox 83">
              <a:extLst>
                <a:ext uri="{FF2B5EF4-FFF2-40B4-BE49-F238E27FC236}">
                  <a16:creationId xmlns:a16="http://schemas.microsoft.com/office/drawing/2014/main" id="{86374F23-B97B-0441-8186-9E78F42A5F31}"/>
                </a:ext>
              </a:extLst>
            </p:cNvPr>
            <p:cNvSpPr txBox="1"/>
            <p:nvPr/>
          </p:nvSpPr>
          <p:spPr>
            <a:xfrm>
              <a:off x="5869783" y="3823360"/>
              <a:ext cx="885246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000" b="1" dirty="0">
                  <a:latin typeface="Helvetica" pitchFamily="2" charset="0"/>
                </a:rPr>
                <a:t>Cs</a:t>
              </a:r>
            </a:p>
          </p:txBody>
        </p:sp>
      </p:grpSp>
      <p:grpSp>
        <p:nvGrpSpPr>
          <p:cNvPr id="49" name="Group 48">
            <a:extLst>
              <a:ext uri="{FF2B5EF4-FFF2-40B4-BE49-F238E27FC236}">
                <a16:creationId xmlns:a16="http://schemas.microsoft.com/office/drawing/2014/main" id="{2D730DA7-5A2C-4648-9027-5E392827CF0F}"/>
              </a:ext>
            </a:extLst>
          </p:cNvPr>
          <p:cNvGrpSpPr/>
          <p:nvPr/>
        </p:nvGrpSpPr>
        <p:grpSpPr>
          <a:xfrm>
            <a:off x="397678" y="3184078"/>
            <a:ext cx="1956154" cy="1896973"/>
            <a:chOff x="397678" y="3184078"/>
            <a:chExt cx="1956154" cy="1896973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D3F5133B-7FB5-6744-A3AB-B1DC57723080}"/>
                </a:ext>
              </a:extLst>
            </p:cNvPr>
            <p:cNvPicPr/>
            <p:nvPr/>
          </p:nvPicPr>
          <p:blipFill>
            <a:blip r:embed="rId4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4939" y="3384133"/>
              <a:ext cx="1738893" cy="1696918"/>
            </a:xfrm>
            <a:prstGeom prst="rect">
              <a:avLst/>
            </a:prstGeom>
            <a:noFill/>
          </p:spPr>
        </p:pic>
        <p:sp>
          <p:nvSpPr>
            <p:cNvPr id="85" name="TextBox 84">
              <a:extLst>
                <a:ext uri="{FF2B5EF4-FFF2-40B4-BE49-F238E27FC236}">
                  <a16:creationId xmlns:a16="http://schemas.microsoft.com/office/drawing/2014/main" id="{C427CBD8-FEF3-9F4A-89B1-2C1546D37073}"/>
                </a:ext>
              </a:extLst>
            </p:cNvPr>
            <p:cNvSpPr txBox="1"/>
            <p:nvPr/>
          </p:nvSpPr>
          <p:spPr>
            <a:xfrm>
              <a:off x="397678" y="3184078"/>
              <a:ext cx="863686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000" b="1" dirty="0">
                  <a:latin typeface="Helvetica" pitchFamily="2" charset="0"/>
                </a:rPr>
                <a:t>Yb</a:t>
              </a:r>
              <a:r>
                <a:rPr lang="en-US" sz="2000" b="1" baseline="30000" dirty="0">
                  <a:latin typeface="Helvetica" pitchFamily="2" charset="0"/>
                </a:rPr>
                <a:t>+</a:t>
              </a:r>
            </a:p>
          </p:txBody>
        </p:sp>
      </p:grpSp>
      <p:sp>
        <p:nvSpPr>
          <p:cNvPr id="48" name="TextBox 47">
            <a:extLst>
              <a:ext uri="{FF2B5EF4-FFF2-40B4-BE49-F238E27FC236}">
                <a16:creationId xmlns:a16="http://schemas.microsoft.com/office/drawing/2014/main" id="{0AABBF4A-D046-B14F-9332-0A39199DB535}"/>
              </a:ext>
            </a:extLst>
          </p:cNvPr>
          <p:cNvSpPr txBox="1"/>
          <p:nvPr/>
        </p:nvSpPr>
        <p:spPr>
          <a:xfrm>
            <a:off x="499458" y="2732755"/>
            <a:ext cx="828406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i="1" dirty="0">
                <a:solidFill>
                  <a:schemeClr val="tx1"/>
                </a:solidFill>
                <a:latin typeface="Helvetica" pitchFamily="2" charset="0"/>
              </a:rPr>
              <a:t>Tunable, single frequency Photodigm Spectroscopy Certified DBR lasers are available at key wavelengths</a:t>
            </a:r>
          </a:p>
        </p:txBody>
      </p:sp>
      <p:pic>
        <p:nvPicPr>
          <p:cNvPr id="51" name="Picture 50" descr="Transparent logo.pdf">
            <a:extLst>
              <a:ext uri="{FF2B5EF4-FFF2-40B4-BE49-F238E27FC236}">
                <a16:creationId xmlns:a16="http://schemas.microsoft.com/office/drawing/2014/main" id="{C1490546-866A-5C48-9B22-874661780936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505200" y="5372100"/>
            <a:ext cx="2139287" cy="228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219502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06" name="Picture 6" descr="FWD42LX1S"/>
          <p:cNvPicPr>
            <a:picLocks noChangeAspect="1" noChangeArrowheads="1"/>
          </p:cNvPicPr>
          <p:nvPr/>
        </p:nvPicPr>
        <p:blipFill>
          <a:blip r:embed="rId51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6246" y="4092552"/>
            <a:ext cx="1390729" cy="1232067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764" name="OTLSHAPE_M_de4b2153489e4253a2d9bdd27ec1a01b_Connector1"/>
          <p:cNvCxnSpPr/>
          <p:nvPr>
            <p:custDataLst>
              <p:tags r:id="rId2"/>
            </p:custDataLst>
          </p:nvPr>
        </p:nvCxnSpPr>
        <p:spPr>
          <a:xfrm>
            <a:off x="5653907" y="2857500"/>
            <a:ext cx="0" cy="1138600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2" name="OTLSHAPE_M_a772dae0d4c24d8eb05b1bc93d751dd1_Connector1"/>
          <p:cNvCxnSpPr/>
          <p:nvPr>
            <p:custDataLst>
              <p:tags r:id="rId3"/>
            </p:custDataLst>
          </p:nvPr>
        </p:nvCxnSpPr>
        <p:spPr>
          <a:xfrm>
            <a:off x="4164567" y="2857501"/>
            <a:ext cx="0" cy="507471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1" name="OTLSHAPE_M_fad14a8acc684f5aa26444dad5d1aefc_Connector1"/>
          <p:cNvCxnSpPr/>
          <p:nvPr>
            <p:custDataLst>
              <p:tags r:id="rId4"/>
            </p:custDataLst>
          </p:nvPr>
        </p:nvCxnSpPr>
        <p:spPr>
          <a:xfrm>
            <a:off x="2041317" y="2857500"/>
            <a:ext cx="0" cy="304976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0" name="OTLSHAPE_M_51a4da5b5b7148448b7674d12691ff0c_Connector1"/>
          <p:cNvCxnSpPr/>
          <p:nvPr>
            <p:custDataLst>
              <p:tags r:id="rId5"/>
            </p:custDataLst>
          </p:nvPr>
        </p:nvCxnSpPr>
        <p:spPr>
          <a:xfrm>
            <a:off x="1042386" y="2857500"/>
            <a:ext cx="0" cy="923879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9" name="OTLSHAPE_M_f3a200dc9c964fe0b9950599b0eeae07_Connector1"/>
          <p:cNvCxnSpPr/>
          <p:nvPr>
            <p:custDataLst>
              <p:tags r:id="rId6"/>
            </p:custDataLst>
          </p:nvPr>
        </p:nvCxnSpPr>
        <p:spPr>
          <a:xfrm>
            <a:off x="7391400" y="2924953"/>
            <a:ext cx="0" cy="774230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8" name="OTLSHAPE_M_0d455cf4a69a494dae863f489dbe0542_Connector2"/>
          <p:cNvCxnSpPr/>
          <p:nvPr>
            <p:custDataLst>
              <p:tags r:id="rId7"/>
            </p:custDataLst>
          </p:nvPr>
        </p:nvCxnSpPr>
        <p:spPr>
          <a:xfrm>
            <a:off x="6462782" y="2323712"/>
            <a:ext cx="4633" cy="258763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3" name="OTLSHAPE_M_a98f15153d1f4a0aa1b96d43140eebb1_Connector1"/>
          <p:cNvCxnSpPr/>
          <p:nvPr>
            <p:custDataLst>
              <p:tags r:id="rId8"/>
            </p:custDataLst>
          </p:nvPr>
        </p:nvCxnSpPr>
        <p:spPr>
          <a:xfrm>
            <a:off x="4210543" y="2166232"/>
            <a:ext cx="0" cy="373768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2" name="OTLSHAPE_M_efde4c2c6eff4b159b02fc4a69f530de_Connector1"/>
          <p:cNvCxnSpPr/>
          <p:nvPr>
            <p:custDataLst>
              <p:tags r:id="rId9"/>
            </p:custDataLst>
          </p:nvPr>
        </p:nvCxnSpPr>
        <p:spPr>
          <a:xfrm>
            <a:off x="3108543" y="2235023"/>
            <a:ext cx="4152" cy="304977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1" name="OTLSHAPE_M_6aec0f00f346498987906cbe0e7fb3a5_Connector1"/>
          <p:cNvCxnSpPr/>
          <p:nvPr>
            <p:custDataLst>
              <p:tags r:id="rId10"/>
            </p:custDataLst>
          </p:nvPr>
        </p:nvCxnSpPr>
        <p:spPr>
          <a:xfrm>
            <a:off x="1536975" y="2067630"/>
            <a:ext cx="0" cy="472370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6" name="OTLSHAPE_M_de4b2153489e4253a2d9bdd27ec1a01b_Connector3" hidden="1"/>
          <p:cNvCxnSpPr/>
          <p:nvPr>
            <p:custDataLst>
              <p:tags r:id="rId11"/>
            </p:custDataLst>
          </p:nvPr>
        </p:nvCxnSpPr>
        <p:spPr>
          <a:xfrm>
            <a:off x="5653907" y="2209731"/>
            <a:ext cx="0" cy="330271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5" name="OTLSHAPE_M_de4b2153489e4253a2d9bdd27ec1a01b_Connector2" hidden="1"/>
          <p:cNvCxnSpPr/>
          <p:nvPr>
            <p:custDataLst>
              <p:tags r:id="rId12"/>
            </p:custDataLst>
          </p:nvPr>
        </p:nvCxnSpPr>
        <p:spPr>
          <a:xfrm>
            <a:off x="5653907" y="1822027"/>
            <a:ext cx="0" cy="245604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2" name="OTLSHAPE_TB_00000000000000000000000000000000_LeftEndCaps" hidden="1"/>
          <p:cNvSpPr txBox="1"/>
          <p:nvPr>
            <p:custDataLst>
              <p:tags r:id="rId13"/>
            </p:custDataLst>
          </p:nvPr>
        </p:nvSpPr>
        <p:spPr>
          <a:xfrm>
            <a:off x="241965" y="2552557"/>
            <a:ext cx="493975" cy="2923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900" b="1">
                <a:solidFill>
                  <a:srgbClr val="ED7D31"/>
                </a:solidFill>
                <a:latin typeface="Calibri"/>
                <a:ea typeface="ヒラギノ明朝 ProN W3" charset="0"/>
                <a:sym typeface="Bradley Hand ITC TT-Bold" charset="0"/>
              </a:rPr>
              <a:t>2007</a:t>
            </a:r>
          </a:p>
        </p:txBody>
      </p:sp>
      <p:sp>
        <p:nvSpPr>
          <p:cNvPr id="743" name="OTLSHAPE_TB_00000000000000000000000000000000_RightEndCaps"/>
          <p:cNvSpPr txBox="1"/>
          <p:nvPr>
            <p:custDataLst>
              <p:tags r:id="rId14"/>
            </p:custDataLst>
          </p:nvPr>
        </p:nvSpPr>
        <p:spPr>
          <a:xfrm>
            <a:off x="8415249" y="2552557"/>
            <a:ext cx="474232" cy="2923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900" b="1" spc="-38" dirty="0">
                <a:solidFill>
                  <a:srgbClr val="ED7D31"/>
                </a:solidFill>
                <a:latin typeface="Calibri"/>
                <a:ea typeface="ヒラギノ明朝 ProN W3" charset="0"/>
                <a:sym typeface="Bradley Hand ITC TT-Bold" charset="0"/>
              </a:rPr>
              <a:t>2021</a:t>
            </a:r>
          </a:p>
        </p:txBody>
      </p:sp>
      <p:sp>
        <p:nvSpPr>
          <p:cNvPr id="744" name="OTLSHAPE_TB_00000000000000000000000000000000_ScaleContainer"/>
          <p:cNvSpPr/>
          <p:nvPr>
            <p:custDataLst>
              <p:tags r:id="rId15"/>
            </p:custDataLst>
          </p:nvPr>
        </p:nvSpPr>
        <p:spPr>
          <a:xfrm>
            <a:off x="844465" y="2540000"/>
            <a:ext cx="7467600" cy="317500"/>
          </a:xfrm>
          <a:prstGeom prst="roundRect">
            <a:avLst>
              <a:gd name="adj" fmla="val 100000"/>
            </a:avLst>
          </a:prstGeom>
          <a:solidFill>
            <a:srgbClr val="7B0508"/>
          </a:soli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endParaRPr lang="en-US" sz="1900">
              <a:solidFill>
                <a:prstClr val="white"/>
              </a:solidFill>
              <a:sym typeface="Bradley Hand ITC TT-Bold" charset="0"/>
            </a:endParaRPr>
          </a:p>
        </p:txBody>
      </p:sp>
      <p:sp>
        <p:nvSpPr>
          <p:cNvPr id="745" name="OTLSHAPE_TB_00000000000000000000000000000000_ElapsedTime"/>
          <p:cNvSpPr/>
          <p:nvPr>
            <p:custDataLst>
              <p:tags r:id="rId16"/>
            </p:custDataLst>
          </p:nvPr>
        </p:nvSpPr>
        <p:spPr>
          <a:xfrm>
            <a:off x="844465" y="2540000"/>
            <a:ext cx="6286500" cy="3175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=""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endParaRPr lang="en-US" sz="1900">
              <a:solidFill>
                <a:prstClr val="white"/>
              </a:solidFill>
              <a:sym typeface="Bradley Hand ITC TT-Bold" charset="0"/>
            </a:endParaRPr>
          </a:p>
        </p:txBody>
      </p:sp>
      <p:sp>
        <p:nvSpPr>
          <p:cNvPr id="746" name="OTLSHAPE_TB_00000000000000000000000000000000_TodayMarkerShape"/>
          <p:cNvSpPr/>
          <p:nvPr>
            <p:custDataLst>
              <p:tags r:id="rId17"/>
            </p:custDataLst>
          </p:nvPr>
        </p:nvSpPr>
        <p:spPr>
          <a:xfrm>
            <a:off x="8560270" y="2837362"/>
            <a:ext cx="114300" cy="105833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=""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endParaRPr lang="en-US" sz="1900">
              <a:solidFill>
                <a:prstClr val="white"/>
              </a:solidFill>
              <a:sym typeface="Bradley Hand ITC TT-Bold" charset="0"/>
            </a:endParaRPr>
          </a:p>
        </p:txBody>
      </p:sp>
      <p:sp>
        <p:nvSpPr>
          <p:cNvPr id="747" name="OTLSHAPE_TB_00000000000000000000000000000000_TodayMarkerText"/>
          <p:cNvSpPr txBox="1"/>
          <p:nvPr>
            <p:custDataLst>
              <p:tags r:id="rId18"/>
            </p:custDataLst>
          </p:nvPr>
        </p:nvSpPr>
        <p:spPr>
          <a:xfrm>
            <a:off x="8440884" y="2928386"/>
            <a:ext cx="355674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200" spc="-12" dirty="0">
                <a:solidFill>
                  <a:schemeClr val="tx1"/>
                </a:solidFill>
                <a:latin typeface="Calibri"/>
                <a:ea typeface="ヒラギノ明朝 ProN W3" charset="0"/>
                <a:sym typeface="Bradley Hand ITC TT-Bold" charset="0"/>
              </a:rPr>
              <a:t>Today</a:t>
            </a:r>
          </a:p>
        </p:txBody>
      </p:sp>
      <p:sp>
        <p:nvSpPr>
          <p:cNvPr id="748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1073068" y="2621229"/>
            <a:ext cx="304955" cy="1550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200" spc="-2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2007</a:t>
            </a:r>
          </a:p>
        </p:txBody>
      </p:sp>
      <p:cxnSp>
        <p:nvCxnSpPr>
          <p:cNvPr id="749" name="OTLSHAPE_TB_00000000000000000000000000000000_Separator1"/>
          <p:cNvCxnSpPr/>
          <p:nvPr>
            <p:custDataLst>
              <p:tags r:id="rId20"/>
            </p:custDataLst>
          </p:nvPr>
        </p:nvCxnSpPr>
        <p:spPr>
          <a:xfrm>
            <a:off x="2028001" y="2592917"/>
            <a:ext cx="0" cy="211667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0" name="OTLSHAPE_TB_00000000000000000000000000000000_TimescaleInterval2"/>
          <p:cNvSpPr txBox="1"/>
          <p:nvPr>
            <p:custDataLst>
              <p:tags r:id="rId21"/>
            </p:custDataLst>
          </p:nvPr>
        </p:nvSpPr>
        <p:spPr>
          <a:xfrm>
            <a:off x="2091504" y="2621229"/>
            <a:ext cx="304955" cy="1550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200" spc="-2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2009</a:t>
            </a:r>
          </a:p>
        </p:txBody>
      </p:sp>
      <p:cxnSp>
        <p:nvCxnSpPr>
          <p:cNvPr id="751" name="OTLSHAPE_TB_00000000000000000000000000000000_Separator2"/>
          <p:cNvCxnSpPr/>
          <p:nvPr>
            <p:custDataLst>
              <p:tags r:id="rId22"/>
            </p:custDataLst>
          </p:nvPr>
        </p:nvCxnSpPr>
        <p:spPr>
          <a:xfrm>
            <a:off x="3045043" y="2592917"/>
            <a:ext cx="0" cy="211667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2" name="OTLSHAPE_TB_00000000000000000000000000000000_TimescaleInterval3"/>
          <p:cNvSpPr txBox="1"/>
          <p:nvPr>
            <p:custDataLst>
              <p:tags r:id="rId23"/>
            </p:custDataLst>
          </p:nvPr>
        </p:nvSpPr>
        <p:spPr>
          <a:xfrm>
            <a:off x="3108546" y="2621229"/>
            <a:ext cx="304955" cy="1550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200" spc="-2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2011</a:t>
            </a:r>
          </a:p>
        </p:txBody>
      </p:sp>
      <p:cxnSp>
        <p:nvCxnSpPr>
          <p:cNvPr id="753" name="OTLSHAPE_TB_00000000000000000000000000000000_Separator3"/>
          <p:cNvCxnSpPr/>
          <p:nvPr>
            <p:custDataLst>
              <p:tags r:id="rId24"/>
            </p:custDataLst>
          </p:nvPr>
        </p:nvCxnSpPr>
        <p:spPr>
          <a:xfrm>
            <a:off x="4063479" y="2592917"/>
            <a:ext cx="0" cy="211667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4" name="OTLSHAPE_TB_00000000000000000000000000000000_TimescaleInterval4"/>
          <p:cNvSpPr txBox="1"/>
          <p:nvPr>
            <p:custDataLst>
              <p:tags r:id="rId25"/>
            </p:custDataLst>
          </p:nvPr>
        </p:nvSpPr>
        <p:spPr>
          <a:xfrm>
            <a:off x="4126982" y="2621229"/>
            <a:ext cx="304955" cy="1550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200" spc="-2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2013</a:t>
            </a:r>
          </a:p>
        </p:txBody>
      </p:sp>
      <p:cxnSp>
        <p:nvCxnSpPr>
          <p:cNvPr id="755" name="OTLSHAPE_TB_00000000000000000000000000000000_Separator4"/>
          <p:cNvCxnSpPr/>
          <p:nvPr>
            <p:custDataLst>
              <p:tags r:id="rId26"/>
            </p:custDataLst>
          </p:nvPr>
        </p:nvCxnSpPr>
        <p:spPr>
          <a:xfrm>
            <a:off x="5080521" y="2592917"/>
            <a:ext cx="0" cy="211667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6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5144024" y="2621229"/>
            <a:ext cx="304955" cy="1550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200" spc="-2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2015</a:t>
            </a:r>
          </a:p>
        </p:txBody>
      </p:sp>
      <p:cxnSp>
        <p:nvCxnSpPr>
          <p:cNvPr id="757" name="OTLSHAPE_TB_00000000000000000000000000000000_Separator5"/>
          <p:cNvCxnSpPr/>
          <p:nvPr>
            <p:custDataLst>
              <p:tags r:id="rId28"/>
            </p:custDataLst>
          </p:nvPr>
        </p:nvCxnSpPr>
        <p:spPr>
          <a:xfrm>
            <a:off x="6098957" y="2592917"/>
            <a:ext cx="0" cy="211667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8" name="OTLSHAPE_TB_00000000000000000000000000000000_TimescaleInterval6"/>
          <p:cNvSpPr txBox="1"/>
          <p:nvPr>
            <p:custDataLst>
              <p:tags r:id="rId29"/>
            </p:custDataLst>
          </p:nvPr>
        </p:nvSpPr>
        <p:spPr>
          <a:xfrm>
            <a:off x="6162460" y="2621229"/>
            <a:ext cx="304955" cy="1550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200" spc="-2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2017</a:t>
            </a:r>
          </a:p>
        </p:txBody>
      </p:sp>
      <p:cxnSp>
        <p:nvCxnSpPr>
          <p:cNvPr id="759" name="OTLSHAPE_TB_00000000000000000000000000000000_Separator6"/>
          <p:cNvCxnSpPr/>
          <p:nvPr>
            <p:custDataLst>
              <p:tags r:id="rId30"/>
            </p:custDataLst>
          </p:nvPr>
        </p:nvCxnSpPr>
        <p:spPr>
          <a:xfrm>
            <a:off x="7115999" y="2592917"/>
            <a:ext cx="0" cy="211667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0" name="OTLSHAPE_TB_00000000000000000000000000000000_TimescaleInterval7"/>
          <p:cNvSpPr txBox="1"/>
          <p:nvPr>
            <p:custDataLst>
              <p:tags r:id="rId31"/>
            </p:custDataLst>
          </p:nvPr>
        </p:nvSpPr>
        <p:spPr>
          <a:xfrm>
            <a:off x="7179500" y="2621229"/>
            <a:ext cx="304955" cy="1550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200" spc="-2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2019</a:t>
            </a:r>
          </a:p>
        </p:txBody>
      </p:sp>
      <p:sp>
        <p:nvSpPr>
          <p:cNvPr id="773" name="OTLSHAPE_M_6aec0f00f346498987906cbe0e7fb3a5_Title"/>
          <p:cNvSpPr txBox="1"/>
          <p:nvPr>
            <p:custDataLst>
              <p:tags r:id="rId32"/>
            </p:custDataLst>
          </p:nvPr>
        </p:nvSpPr>
        <p:spPr>
          <a:xfrm>
            <a:off x="284561" y="1669926"/>
            <a:ext cx="1752600" cy="4262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spc="-4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Laser Diodes for Atom Optics: </a:t>
            </a:r>
          </a:p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spc="-4" dirty="0" err="1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Rb</a:t>
            </a:r>
            <a:r>
              <a:rPr lang="en-US" sz="1050" b="1" spc="-4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, Cs and He* </a:t>
            </a:r>
          </a:p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spc="-4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780, 852 and 1083nm</a:t>
            </a:r>
          </a:p>
        </p:txBody>
      </p:sp>
      <p:sp>
        <p:nvSpPr>
          <p:cNvPr id="775" name="OTLSHAPE_M_6aec0f00f346498987906cbe0e7fb3a5_Shape"/>
          <p:cNvSpPr/>
          <p:nvPr>
            <p:custDataLst>
              <p:tags r:id="rId33"/>
            </p:custDataLst>
          </p:nvPr>
        </p:nvSpPr>
        <p:spPr>
          <a:xfrm rot="16200000">
            <a:off x="1588349" y="2124325"/>
            <a:ext cx="137583" cy="165100"/>
          </a:xfrm>
          <a:prstGeom prst="flowChartMerge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endParaRPr lang="en-US" sz="1900">
              <a:solidFill>
                <a:prstClr val="white"/>
              </a:solidFill>
              <a:sym typeface="Bradley Hand ITC TT-Bold" charset="0"/>
            </a:endParaRPr>
          </a:p>
        </p:txBody>
      </p:sp>
      <p:sp>
        <p:nvSpPr>
          <p:cNvPr id="778" name="OTLSHAPE_M_efde4c2c6eff4b159b02fc4a69f530de_Shape"/>
          <p:cNvSpPr/>
          <p:nvPr>
            <p:custDataLst>
              <p:tags r:id="rId34"/>
            </p:custDataLst>
          </p:nvPr>
        </p:nvSpPr>
        <p:spPr>
          <a:xfrm rot="16200000">
            <a:off x="3151856" y="2358848"/>
            <a:ext cx="137583" cy="165100"/>
          </a:xfrm>
          <a:prstGeom prst="flowChartMerge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endParaRPr lang="en-US" sz="1900">
              <a:solidFill>
                <a:prstClr val="white"/>
              </a:solidFill>
              <a:sym typeface="Bradley Hand ITC TT-Bold" charset="0"/>
            </a:endParaRPr>
          </a:p>
        </p:txBody>
      </p:sp>
      <p:sp>
        <p:nvSpPr>
          <p:cNvPr id="779" name="OTLSHAPE_M_a98f15153d1f4a0aa1b96d43140eebb1_Title"/>
          <p:cNvSpPr txBox="1"/>
          <p:nvPr>
            <p:custDataLst>
              <p:tags r:id="rId35"/>
            </p:custDataLst>
          </p:nvPr>
        </p:nvSpPr>
        <p:spPr>
          <a:xfrm>
            <a:off x="4131982" y="1654286"/>
            <a:ext cx="1016183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spc="-4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SAF gain chips </a:t>
            </a:r>
          </a:p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spc="-4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for </a:t>
            </a:r>
          </a:p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spc="-4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OEM packag</a:t>
            </a:r>
            <a:r>
              <a:rPr lang="en-US" sz="1100" b="1" spc="-4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e</a:t>
            </a:r>
          </a:p>
        </p:txBody>
      </p:sp>
      <p:sp>
        <p:nvSpPr>
          <p:cNvPr id="781" name="OTLSHAPE_M_a98f15153d1f4a0aa1b96d43140eebb1_Shape"/>
          <p:cNvSpPr/>
          <p:nvPr>
            <p:custDataLst>
              <p:tags r:id="rId36"/>
            </p:custDataLst>
          </p:nvPr>
        </p:nvSpPr>
        <p:spPr>
          <a:xfrm rot="16200000">
            <a:off x="4249703" y="2152473"/>
            <a:ext cx="137583" cy="165100"/>
          </a:xfrm>
          <a:prstGeom prst="flowChartMerge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endParaRPr lang="en-US" sz="1900">
              <a:solidFill>
                <a:prstClr val="white"/>
              </a:solidFill>
              <a:sym typeface="Bradley Hand ITC TT-Bold" charset="0"/>
            </a:endParaRPr>
          </a:p>
        </p:txBody>
      </p:sp>
      <p:sp>
        <p:nvSpPr>
          <p:cNvPr id="782" name="OTLSHAPE_M_de4b2153489e4253a2d9bdd27ec1a01b_Title"/>
          <p:cNvSpPr txBox="1"/>
          <p:nvPr>
            <p:custDataLst>
              <p:tags r:id="rId37"/>
            </p:custDataLst>
          </p:nvPr>
        </p:nvSpPr>
        <p:spPr>
          <a:xfrm>
            <a:off x="5270288" y="3232580"/>
            <a:ext cx="1197124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spc="-2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Extended Mode Hop </a:t>
            </a:r>
          </a:p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spc="-2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Free DBRs (EMHF)</a:t>
            </a:r>
          </a:p>
        </p:txBody>
      </p:sp>
      <p:sp>
        <p:nvSpPr>
          <p:cNvPr id="785" name="OTLSHAPE_M_0d455cf4a69a494dae863f489dbe0542_Title"/>
          <p:cNvSpPr txBox="1"/>
          <p:nvPr>
            <p:custDataLst>
              <p:tags r:id="rId38"/>
            </p:custDataLst>
          </p:nvPr>
        </p:nvSpPr>
        <p:spPr>
          <a:xfrm>
            <a:off x="5562600" y="1753969"/>
            <a:ext cx="1585311" cy="6463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dirty="0" err="1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PreciseMode</a:t>
            </a:r>
            <a:r>
              <a:rPr lang="en-US" sz="1050" b="1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­™ DBR Laser </a:t>
            </a:r>
          </a:p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Delivering performance of a</a:t>
            </a:r>
          </a:p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 bulky research laser in a </a:t>
            </a:r>
          </a:p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compact OEM package</a:t>
            </a:r>
          </a:p>
        </p:txBody>
      </p:sp>
      <p:sp>
        <p:nvSpPr>
          <p:cNvPr id="787" name="OTLSHAPE_M_0d455cf4a69a494dae863f489dbe0542_Shape"/>
          <p:cNvSpPr/>
          <p:nvPr>
            <p:custDataLst>
              <p:tags r:id="rId39"/>
            </p:custDataLst>
          </p:nvPr>
        </p:nvSpPr>
        <p:spPr>
          <a:xfrm rot="16200000">
            <a:off x="6506829" y="2385842"/>
            <a:ext cx="137583" cy="165100"/>
          </a:xfrm>
          <a:prstGeom prst="flowChartMerge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endParaRPr lang="en-US" sz="1900">
              <a:solidFill>
                <a:prstClr val="white"/>
              </a:solidFill>
              <a:sym typeface="Bradley Hand ITC TT-Bold" charset="0"/>
            </a:endParaRPr>
          </a:p>
        </p:txBody>
      </p:sp>
      <p:sp>
        <p:nvSpPr>
          <p:cNvPr id="788" name="OTLSHAPE_M_f3a200dc9c964fe0b9950599b0eeae07_Title"/>
          <p:cNvSpPr txBox="1"/>
          <p:nvPr>
            <p:custDataLst>
              <p:tags r:id="rId40"/>
            </p:custDataLst>
          </p:nvPr>
        </p:nvSpPr>
        <p:spPr>
          <a:xfrm>
            <a:off x="7108485" y="3515349"/>
            <a:ext cx="1520635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spc="-28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High Temp DBRs up to 80°C</a:t>
            </a:r>
          </a:p>
        </p:txBody>
      </p:sp>
      <p:sp>
        <p:nvSpPr>
          <p:cNvPr id="790" name="OTLSHAPE_M_f3a200dc9c964fe0b9950599b0eeae07_Shape"/>
          <p:cNvSpPr/>
          <p:nvPr>
            <p:custDataLst>
              <p:tags r:id="rId41"/>
            </p:custDataLst>
          </p:nvPr>
        </p:nvSpPr>
        <p:spPr>
          <a:xfrm rot="16200000">
            <a:off x="7424546" y="3351213"/>
            <a:ext cx="137583" cy="165100"/>
          </a:xfrm>
          <a:prstGeom prst="flowChartMerge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endParaRPr lang="en-US" sz="1900">
              <a:solidFill>
                <a:prstClr val="white"/>
              </a:solidFill>
              <a:sym typeface="Bradley Hand ITC TT-Bold" charset="0"/>
            </a:endParaRPr>
          </a:p>
        </p:txBody>
      </p:sp>
      <p:sp>
        <p:nvSpPr>
          <p:cNvPr id="791" name="OTLSHAPE_M_51a4da5b5b7148448b7674d12691ff0c_Title"/>
          <p:cNvSpPr txBox="1"/>
          <p:nvPr>
            <p:custDataLst>
              <p:tags r:id="rId42"/>
            </p:custDataLst>
          </p:nvPr>
        </p:nvSpPr>
        <p:spPr>
          <a:xfrm>
            <a:off x="223994" y="3879402"/>
            <a:ext cx="1320800" cy="4262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spc="-6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Laser Diodes for </a:t>
            </a:r>
          </a:p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spc="-6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Frequency Doubling </a:t>
            </a:r>
          </a:p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spc="-6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1064, 920, and 976nm</a:t>
            </a:r>
            <a:r>
              <a:rPr lang="en-US" sz="1100" b="1" spc="-6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 </a:t>
            </a:r>
          </a:p>
        </p:txBody>
      </p:sp>
      <p:sp>
        <p:nvSpPr>
          <p:cNvPr id="793" name="OTLSHAPE_M_51a4da5b5b7148448b7674d12691ff0c_Shape"/>
          <p:cNvSpPr/>
          <p:nvPr>
            <p:custDataLst>
              <p:tags r:id="rId43"/>
            </p:custDataLst>
          </p:nvPr>
        </p:nvSpPr>
        <p:spPr>
          <a:xfrm rot="16200000">
            <a:off x="1068738" y="3634069"/>
            <a:ext cx="137583" cy="165100"/>
          </a:xfrm>
          <a:prstGeom prst="flowChartMerge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endParaRPr lang="en-US" sz="1900">
              <a:solidFill>
                <a:prstClr val="white"/>
              </a:solidFill>
              <a:sym typeface="Bradley Hand ITC TT-Bold" charset="0"/>
            </a:endParaRPr>
          </a:p>
        </p:txBody>
      </p:sp>
      <p:sp>
        <p:nvSpPr>
          <p:cNvPr id="794" name="OTLSHAPE_M_fad14a8acc684f5aa26444dad5d1aefc_Title"/>
          <p:cNvSpPr txBox="1"/>
          <p:nvPr>
            <p:custDataLst>
              <p:tags r:id="rId44"/>
            </p:custDataLst>
          </p:nvPr>
        </p:nvSpPr>
        <p:spPr>
          <a:xfrm>
            <a:off x="1544794" y="3164275"/>
            <a:ext cx="1435100" cy="4262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spc="-6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Full line for Atom Optics </a:t>
            </a:r>
          </a:p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spc="-6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D1 Lines: </a:t>
            </a:r>
          </a:p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spc="-6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767, 770, 795, 895 nm</a:t>
            </a:r>
          </a:p>
        </p:txBody>
      </p:sp>
      <p:sp>
        <p:nvSpPr>
          <p:cNvPr id="796" name="OTLSHAPE_M_fad14a8acc684f5aa26444dad5d1aefc_Shape"/>
          <p:cNvSpPr/>
          <p:nvPr>
            <p:custDataLst>
              <p:tags r:id="rId45"/>
            </p:custDataLst>
          </p:nvPr>
        </p:nvSpPr>
        <p:spPr>
          <a:xfrm rot="16200000">
            <a:off x="2080477" y="3012933"/>
            <a:ext cx="137583" cy="165100"/>
          </a:xfrm>
          <a:prstGeom prst="flowChartMerge">
            <a:avLst/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endParaRPr lang="en-US" sz="1900">
              <a:solidFill>
                <a:prstClr val="white"/>
              </a:solidFill>
              <a:sym typeface="Bradley Hand ITC TT-Bold" charset="0"/>
            </a:endParaRPr>
          </a:p>
        </p:txBody>
      </p:sp>
      <p:sp>
        <p:nvSpPr>
          <p:cNvPr id="797" name="OTLSHAPE_M_a772dae0d4c24d8eb05b1bc93d751dd1_Title"/>
          <p:cNvSpPr txBox="1"/>
          <p:nvPr>
            <p:custDataLst>
              <p:tags r:id="rId46"/>
            </p:custDataLst>
          </p:nvPr>
        </p:nvSpPr>
        <p:spPr>
          <a:xfrm>
            <a:off x="3543722" y="3337027"/>
            <a:ext cx="1292490" cy="48474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Spectroscopy </a:t>
            </a:r>
          </a:p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Applications: </a:t>
            </a:r>
          </a:p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760, 785, 808, 828nm</a:t>
            </a:r>
          </a:p>
        </p:txBody>
      </p:sp>
      <p:sp>
        <p:nvSpPr>
          <p:cNvPr id="799" name="OTLSHAPE_M_a772dae0d4c24d8eb05b1bc93d751dd1_Shape"/>
          <p:cNvSpPr/>
          <p:nvPr>
            <p:custDataLst>
              <p:tags r:id="rId47"/>
            </p:custDataLst>
          </p:nvPr>
        </p:nvSpPr>
        <p:spPr>
          <a:xfrm rot="16200000">
            <a:off x="4203727" y="3222025"/>
            <a:ext cx="137583" cy="165100"/>
          </a:xfrm>
          <a:prstGeom prst="flowChartMerge">
            <a:avLst/>
          </a:prstGeom>
          <a:solidFill>
            <a:srgbClr val="6F319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endParaRPr lang="en-US" sz="1900">
              <a:solidFill>
                <a:prstClr val="white"/>
              </a:solidFill>
              <a:sym typeface="Bradley Hand ITC TT-Bold" charset="0"/>
            </a:endParaRPr>
          </a:p>
        </p:txBody>
      </p:sp>
      <p:sp>
        <p:nvSpPr>
          <p:cNvPr id="800" name="OTLSHAPE_M_de4b2153489e4253a2d9bdd27ec1a01b_Shape"/>
          <p:cNvSpPr/>
          <p:nvPr>
            <p:custDataLst>
              <p:tags r:id="rId48"/>
            </p:custDataLst>
          </p:nvPr>
        </p:nvSpPr>
        <p:spPr>
          <a:xfrm rot="16200000">
            <a:off x="5693067" y="3844758"/>
            <a:ext cx="137583" cy="165100"/>
          </a:xfrm>
          <a:prstGeom prst="flowChartMerge">
            <a:avLst/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endParaRPr lang="en-US" sz="1900">
              <a:solidFill>
                <a:prstClr val="white"/>
              </a:solidFill>
              <a:sym typeface="Bradley Hand ITC TT-Bold" charset="0"/>
            </a:endParaRPr>
          </a:p>
        </p:txBody>
      </p:sp>
      <p:pic>
        <p:nvPicPr>
          <p:cNvPr id="805" name="Picture 8" descr="Rb laser fluoresence.jpg"/>
          <p:cNvPicPr>
            <a:picLocks noChangeAspect="1"/>
          </p:cNvPicPr>
          <p:nvPr/>
        </p:nvPicPr>
        <p:blipFill>
          <a:blip r:embed="rId5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5577" y="610430"/>
            <a:ext cx="1610568" cy="10274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07" name="Picture 806"/>
          <p:cNvPicPr>
            <a:picLocks noChangeAspect="1"/>
          </p:cNvPicPr>
          <p:nvPr/>
        </p:nvPicPr>
        <p:blipFill>
          <a:blip r:embed="rId5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9027" y="3695700"/>
            <a:ext cx="1339581" cy="1207497"/>
          </a:xfrm>
          <a:prstGeom prst="rect">
            <a:avLst/>
          </a:prstGeom>
        </p:spPr>
      </p:pic>
      <p:pic>
        <p:nvPicPr>
          <p:cNvPr id="808" name="Picture 2" descr="C:\Users\Owner\Pictures\780nm flyer.jpg"/>
          <p:cNvPicPr>
            <a:picLocks noChangeAspect="1" noChangeArrowheads="1"/>
          </p:cNvPicPr>
          <p:nvPr/>
        </p:nvPicPr>
        <p:blipFill>
          <a:blip r:embed="rId5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49270" y="667463"/>
            <a:ext cx="1728461" cy="11130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10" name="Picture 2" descr="C:\Users\Owner\Pictures\Mercury with &amp; without Heat Sink Mount.jpg"/>
          <p:cNvPicPr>
            <a:picLocks noChangeAspect="1" noChangeArrowheads="1"/>
          </p:cNvPicPr>
          <p:nvPr/>
        </p:nvPicPr>
        <p:blipFill>
          <a:blip r:embed="rId5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70351" y="3875106"/>
            <a:ext cx="1680384" cy="1039794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11" name="Picture 8" descr="C:\Users\Owner\Pictures\9MM final picture.jpg"/>
          <p:cNvPicPr>
            <a:picLocks noChangeAspect="1" noChangeArrowheads="1"/>
          </p:cNvPicPr>
          <p:nvPr/>
        </p:nvPicPr>
        <p:blipFill>
          <a:blip r:embed="rId5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98070" y="760893"/>
            <a:ext cx="1398032" cy="861345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12" name="Picture 2"/>
          <p:cNvPicPr>
            <a:picLocks noChangeAspect="1" noChangeArrowheads="1"/>
          </p:cNvPicPr>
          <p:nvPr/>
        </p:nvPicPr>
        <p:blipFill>
          <a:blip r:embed="rId5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5529960" y="687034"/>
            <a:ext cx="1802016" cy="1027466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13" name="Picture 812"/>
          <p:cNvPicPr>
            <a:picLocks noChangeAspect="1"/>
          </p:cNvPicPr>
          <p:nvPr/>
        </p:nvPicPr>
        <p:blipFill>
          <a:blip r:embed="rId58"/>
          <a:stretch>
            <a:fillRect/>
          </a:stretch>
        </p:blipFill>
        <p:spPr>
          <a:xfrm>
            <a:off x="5155105" y="4202938"/>
            <a:ext cx="1605536" cy="1003460"/>
          </a:xfrm>
          <a:prstGeom prst="rect">
            <a:avLst/>
          </a:prstGeom>
        </p:spPr>
      </p:pic>
      <p:sp>
        <p:nvSpPr>
          <p:cNvPr id="776" name="OTLSHAPE_M_efde4c2c6eff4b159b02fc4a69f530de_Title"/>
          <p:cNvSpPr txBox="1"/>
          <p:nvPr>
            <p:custDataLst>
              <p:tags r:id="rId49"/>
            </p:custDataLst>
          </p:nvPr>
        </p:nvSpPr>
        <p:spPr>
          <a:xfrm>
            <a:off x="2486883" y="1773058"/>
            <a:ext cx="1243320" cy="6463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Highest Powers </a:t>
            </a:r>
          </a:p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dirty="0" err="1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Rb</a:t>
            </a:r>
            <a:r>
              <a:rPr lang="en-US" sz="1050" b="1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 and Cs DBRs:  </a:t>
            </a:r>
          </a:p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180mW - 780nm  </a:t>
            </a:r>
          </a:p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050" b="1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280 </a:t>
            </a:r>
            <a:r>
              <a:rPr lang="en-US" sz="1050" b="1" dirty="0" err="1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mW</a:t>
            </a:r>
            <a:r>
              <a:rPr lang="en-US" sz="1050" b="1" dirty="0">
                <a:solidFill>
                  <a:prstClr val="white"/>
                </a:solidFill>
                <a:latin typeface="Calibri"/>
                <a:ea typeface="ヒラギノ明朝 ProN W3" charset="0"/>
                <a:sym typeface="Bradley Hand ITC TT-Bold" charset="0"/>
              </a:rPr>
              <a:t> - 852nm</a:t>
            </a:r>
          </a:p>
        </p:txBody>
      </p:sp>
      <p:graphicFrame>
        <p:nvGraphicFramePr>
          <p:cNvPr id="846" name="Chart 845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066040219"/>
              </p:ext>
            </p:extLst>
          </p:nvPr>
        </p:nvGraphicFramePr>
        <p:xfrm>
          <a:off x="6947581" y="3769508"/>
          <a:ext cx="1681132" cy="107863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9"/>
          </a:graphicData>
        </a:graphic>
      </p:graphicFrame>
      <p:sp>
        <p:nvSpPr>
          <p:cNvPr id="854" name="TextBox 853"/>
          <p:cNvSpPr txBox="1"/>
          <p:nvPr/>
        </p:nvSpPr>
        <p:spPr>
          <a:xfrm>
            <a:off x="7546464" y="367724"/>
            <a:ext cx="1405716" cy="58477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1600" b="1" dirty="0">
                <a:solidFill>
                  <a:prstClr val="white"/>
                </a:solidFill>
                <a:sym typeface="Bradley Hand ITC TT-Bold" charset="0"/>
              </a:rPr>
              <a:t>Product Supporting</a:t>
            </a:r>
          </a:p>
        </p:txBody>
      </p:sp>
      <p:pic>
        <p:nvPicPr>
          <p:cNvPr id="1029" name="Picture 5" descr="C:\Users\Owner\AppData\Local\Microsoft\Windows\Temporary Internet Files\Content.IE5\XEPDLTLQ\thinkingman[1].png"/>
          <p:cNvPicPr>
            <a:picLocks noChangeAspect="1" noChangeArrowheads="1"/>
          </p:cNvPicPr>
          <p:nvPr/>
        </p:nvPicPr>
        <p:blipFill>
          <a:blip r:embed="rId6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64610" y="923596"/>
            <a:ext cx="861751" cy="600759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5" name="Group 4"/>
          <p:cNvGrpSpPr/>
          <p:nvPr/>
        </p:nvGrpSpPr>
        <p:grpSpPr>
          <a:xfrm>
            <a:off x="8157768" y="1201896"/>
            <a:ext cx="924962" cy="657318"/>
            <a:chOff x="8001000" y="1116295"/>
            <a:chExt cx="924962" cy="788781"/>
          </a:xfrm>
        </p:grpSpPr>
        <p:sp>
          <p:nvSpPr>
            <p:cNvPr id="69" name="Explosion 1 68"/>
            <p:cNvSpPr/>
            <p:nvPr/>
          </p:nvSpPr>
          <p:spPr>
            <a:xfrm>
              <a:off x="8001000" y="1116295"/>
              <a:ext cx="924962" cy="788781"/>
            </a:xfrm>
            <a:prstGeom prst="irregularSeal1">
              <a:avLst/>
            </a:prstGeom>
            <a:ln/>
          </p:spPr>
          <p:style>
            <a:lnRef idx="0">
              <a:schemeClr val="accent3"/>
            </a:lnRef>
            <a:fillRef idx="3">
              <a:schemeClr val="accent3"/>
            </a:fillRef>
            <a:effectRef idx="3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 fontAlgn="base">
                <a:spcBef>
                  <a:spcPct val="0"/>
                </a:spcBef>
                <a:spcAft>
                  <a:spcPct val="0"/>
                </a:spcAft>
              </a:pPr>
              <a:endParaRPr lang="en-US" sz="1900">
                <a:solidFill>
                  <a:prstClr val="white"/>
                </a:solidFill>
                <a:sym typeface="Bradley Hand ITC TT-Bold" charset="0"/>
              </a:endParaRPr>
            </a:p>
          </p:txBody>
        </p:sp>
        <p:sp>
          <p:nvSpPr>
            <p:cNvPr id="4" name="TextBox 3"/>
            <p:cNvSpPr txBox="1"/>
            <p:nvPr/>
          </p:nvSpPr>
          <p:spPr>
            <a:xfrm>
              <a:off x="8072919" y="1251268"/>
              <a:ext cx="781123" cy="4062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 defTabSz="914400"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800" dirty="0">
                  <a:solidFill>
                    <a:srgbClr val="49433E"/>
                  </a:solidFill>
                  <a:latin typeface="Helvetica Neue Regular" panose="02000503000000020004" pitchFamily="2" charset="0"/>
                  <a:ea typeface="ヒラギノ明朝 ProN W3" charset="0"/>
                  <a:sym typeface="Bradley Hand ITC TT-Bold" charset="0"/>
                </a:rPr>
                <a:t>Quantum </a:t>
              </a:r>
            </a:p>
            <a:p>
              <a:pPr algn="ctr" defTabSz="914400"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800" dirty="0">
                  <a:solidFill>
                    <a:srgbClr val="49433E"/>
                  </a:solidFill>
                  <a:latin typeface="Helvetica Neue Regular" panose="02000503000000020004" pitchFamily="2" charset="0"/>
                  <a:ea typeface="ヒラギノ明朝 ProN W3" charset="0"/>
                  <a:sym typeface="Bradley Hand ITC TT-Bold" charset="0"/>
                </a:rPr>
                <a:t>Information</a:t>
              </a:r>
            </a:p>
          </p:txBody>
        </p:sp>
      </p:grpSp>
      <p:grpSp>
        <p:nvGrpSpPr>
          <p:cNvPr id="7" name="Group 6"/>
          <p:cNvGrpSpPr/>
          <p:nvPr/>
        </p:nvGrpSpPr>
        <p:grpSpPr>
          <a:xfrm>
            <a:off x="7251896" y="1530556"/>
            <a:ext cx="987526" cy="715531"/>
            <a:chOff x="7315880" y="1588865"/>
            <a:chExt cx="887545" cy="618866"/>
          </a:xfrm>
        </p:grpSpPr>
        <p:sp>
          <p:nvSpPr>
            <p:cNvPr id="68" name="Explosion 1 67"/>
            <p:cNvSpPr/>
            <p:nvPr/>
          </p:nvSpPr>
          <p:spPr>
            <a:xfrm>
              <a:off x="7315880" y="1588865"/>
              <a:ext cx="887545" cy="618866"/>
            </a:xfrm>
            <a:prstGeom prst="irregularSeal1">
              <a:avLst/>
            </a:prstGeom>
            <a:ln/>
          </p:spPr>
          <p:style>
            <a:lnRef idx="0">
              <a:schemeClr val="accent6"/>
            </a:lnRef>
            <a:fillRef idx="3">
              <a:schemeClr val="accent6"/>
            </a:fillRef>
            <a:effectRef idx="3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 fontAlgn="base">
                <a:spcBef>
                  <a:spcPct val="0"/>
                </a:spcBef>
                <a:spcAft>
                  <a:spcPct val="0"/>
                </a:spcAft>
              </a:pPr>
              <a:endParaRPr lang="en-US" sz="1900">
                <a:solidFill>
                  <a:prstClr val="white"/>
                </a:solidFill>
                <a:sym typeface="Bradley Hand ITC TT-Bold" charset="0"/>
              </a:endParaRP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7320757" y="1739560"/>
              <a:ext cx="809281" cy="29281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 defTabSz="914400"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800" dirty="0">
                  <a:solidFill>
                    <a:srgbClr val="49433E"/>
                  </a:solidFill>
                  <a:latin typeface="Helvetica Neue Regular" panose="02000503000000020004" pitchFamily="2" charset="0"/>
                  <a:ea typeface="ヒラギノ明朝 ProN W3" charset="0"/>
                  <a:sym typeface="Bradley Hand ITC TT-Bold" charset="0"/>
                </a:rPr>
                <a:t>Augmented Reality</a:t>
              </a:r>
            </a:p>
          </p:txBody>
        </p:sp>
      </p:grpSp>
      <p:grpSp>
        <p:nvGrpSpPr>
          <p:cNvPr id="9" name="Group 8"/>
          <p:cNvGrpSpPr/>
          <p:nvPr/>
        </p:nvGrpSpPr>
        <p:grpSpPr>
          <a:xfrm>
            <a:off x="8065228" y="1844117"/>
            <a:ext cx="1136017" cy="772808"/>
            <a:chOff x="7883346" y="2104619"/>
            <a:chExt cx="908688" cy="741793"/>
          </a:xfrm>
        </p:grpSpPr>
        <p:sp>
          <p:nvSpPr>
            <p:cNvPr id="2" name="Explosion 1 1"/>
            <p:cNvSpPr/>
            <p:nvPr/>
          </p:nvSpPr>
          <p:spPr>
            <a:xfrm>
              <a:off x="7883346" y="2104619"/>
              <a:ext cx="908688" cy="741793"/>
            </a:xfrm>
            <a:prstGeom prst="irregularSeal1">
              <a:avLst/>
            </a:prstGeom>
            <a:ln/>
          </p:spPr>
          <p:style>
            <a:lnRef idx="0">
              <a:schemeClr val="accent5"/>
            </a:lnRef>
            <a:fillRef idx="3">
              <a:schemeClr val="accent5"/>
            </a:fillRef>
            <a:effectRef idx="3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 fontAlgn="base">
                <a:spcBef>
                  <a:spcPct val="0"/>
                </a:spcBef>
                <a:spcAft>
                  <a:spcPct val="0"/>
                </a:spcAft>
              </a:pPr>
              <a:endParaRPr lang="en-US" sz="1900">
                <a:solidFill>
                  <a:prstClr val="white"/>
                </a:solidFill>
                <a:sym typeface="Bradley Hand ITC TT-Bold" charset="0"/>
              </a:endParaRPr>
            </a:p>
          </p:txBody>
        </p:sp>
        <p:sp>
          <p:nvSpPr>
            <p:cNvPr id="8" name="TextBox 7"/>
            <p:cNvSpPr txBox="1"/>
            <p:nvPr/>
          </p:nvSpPr>
          <p:spPr>
            <a:xfrm>
              <a:off x="7892922" y="2287197"/>
              <a:ext cx="790328" cy="32496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 defTabSz="914400"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800" dirty="0">
                  <a:solidFill>
                    <a:srgbClr val="49433E"/>
                  </a:solidFill>
                  <a:latin typeface="Helvetica Neue Regular" panose="02000503000000020004" pitchFamily="2" charset="0"/>
                  <a:ea typeface="ヒラギノ明朝 ProN W3" charset="0"/>
                  <a:sym typeface="Bradley Hand ITC TT-Bold" charset="0"/>
                </a:rPr>
                <a:t>Biomedical Diagnostic</a:t>
              </a:r>
            </a:p>
          </p:txBody>
        </p:sp>
      </p:grpSp>
      <p:sp>
        <p:nvSpPr>
          <p:cNvPr id="71" name="TextBox 70"/>
          <p:cNvSpPr txBox="1"/>
          <p:nvPr/>
        </p:nvSpPr>
        <p:spPr>
          <a:xfrm>
            <a:off x="53977" y="-11113"/>
            <a:ext cx="917219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914400" fontAlgn="base">
              <a:spcBef>
                <a:spcPct val="0"/>
              </a:spcBef>
              <a:spcAft>
                <a:spcPct val="0"/>
              </a:spcAft>
            </a:pPr>
            <a:r>
              <a:rPr lang="en-US" sz="2800" dirty="0">
                <a:solidFill>
                  <a:prstClr val="white"/>
                </a:solidFill>
                <a:latin typeface="Helvetica Neue Regular" panose="02000503000000020004" pitchFamily="2" charset="0"/>
                <a:ea typeface="ヒラギノ明朝 ProN W3" charset="0"/>
                <a:sym typeface="Bradley Hand ITC TT-Bold" charset="0"/>
              </a:rPr>
              <a:t>Continuous Market Driven Product Development</a:t>
            </a:r>
          </a:p>
        </p:txBody>
      </p:sp>
      <p:pic>
        <p:nvPicPr>
          <p:cNvPr id="72" name="Picture 71" descr="Transparent logo.pdf"/>
          <p:cNvPicPr>
            <a:picLocks noChangeAspect="1"/>
          </p:cNvPicPr>
          <p:nvPr/>
        </p:nvPicPr>
        <p:blipFill>
          <a:blip r:embed="rId6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29102" y="5356860"/>
            <a:ext cx="2139287" cy="228600"/>
          </a:xfrm>
          <a:prstGeom prst="rect">
            <a:avLst/>
          </a:prstGeom>
        </p:spPr>
      </p:pic>
      <p:sp>
        <p:nvSpPr>
          <p:cNvPr id="73" name="Date Placeholder 3">
            <a:extLst>
              <a:ext uri="{FF2B5EF4-FFF2-40B4-BE49-F238E27FC236}">
                <a16:creationId xmlns:a16="http://schemas.microsoft.com/office/drawing/2014/main" id="{3C552CDB-B849-4443-A186-B4D52D72B52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28275" y="5245374"/>
            <a:ext cx="2743200" cy="246888"/>
          </a:xfrm>
        </p:spPr>
        <p:txBody>
          <a:bodyPr/>
          <a:lstStyle/>
          <a:p>
            <a:r>
              <a:rPr lang="en-US" dirty="0"/>
              <a:t>May 202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0081391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7508" y="632464"/>
            <a:ext cx="4744066" cy="504170"/>
          </a:xfrm>
          <a:noFill/>
        </p:spPr>
        <p:txBody>
          <a:bodyPr>
            <a:noAutofit/>
          </a:bodyPr>
          <a:lstStyle/>
          <a:p>
            <a:pPr algn="ctr"/>
            <a:r>
              <a:rPr lang="en-US" sz="1800" dirty="0"/>
              <a:t>Support Strategy</a:t>
            </a:r>
            <a:br>
              <a:rPr lang="en-US" sz="1800" dirty="0"/>
            </a:br>
            <a:r>
              <a:rPr lang="en-US" sz="1800" dirty="0"/>
              <a:t>	– </a:t>
            </a:r>
            <a:r>
              <a:rPr lang="en-US" sz="1800" i="1" dirty="0"/>
              <a:t>to be wherever our customer i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28600" y="1236460"/>
            <a:ext cx="6248400" cy="4192789"/>
          </a:xfrm>
        </p:spPr>
        <p:txBody>
          <a:bodyPr>
            <a:normAutofit/>
          </a:bodyPr>
          <a:lstStyle/>
          <a:p>
            <a:r>
              <a:rPr lang="en-US" sz="1500" dirty="0"/>
              <a:t>The Web</a:t>
            </a:r>
            <a:endParaRPr lang="en-US" sz="1500" dirty="0">
              <a:hlinkClick r:id="rId3"/>
            </a:endParaRPr>
          </a:p>
          <a:p>
            <a:pPr lvl="2"/>
            <a:r>
              <a:rPr lang="en-US" sz="1275" dirty="0"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Photodigm.com</a:t>
            </a:r>
            <a:endParaRPr lang="en-US" sz="1275" dirty="0"/>
          </a:p>
          <a:p>
            <a:r>
              <a:rPr lang="en-US" sz="1500" dirty="0"/>
              <a:t>Trade Shows</a:t>
            </a:r>
          </a:p>
          <a:p>
            <a:pPr lvl="2"/>
            <a:r>
              <a:rPr lang="en-US" sz="1275" dirty="0"/>
              <a:t>Photonics West, CLEO, Laser Expo (Japan), Laser World of Photonics </a:t>
            </a:r>
          </a:p>
          <a:p>
            <a:r>
              <a:rPr lang="en-US" sz="1500" dirty="0"/>
              <a:t>Sales &amp; Applications Team</a:t>
            </a:r>
          </a:p>
          <a:p>
            <a:pPr lvl="2"/>
            <a:r>
              <a:rPr lang="en-US" sz="1275" dirty="0"/>
              <a:t>Bob Davis, Vice President of Sales</a:t>
            </a:r>
          </a:p>
          <a:p>
            <a:pPr lvl="2"/>
            <a:r>
              <a:rPr lang="en-US" sz="1275" dirty="0"/>
              <a:t>Esther Moreno, Inside Sales Manager, End User Sales</a:t>
            </a:r>
          </a:p>
          <a:p>
            <a:pPr lvl="2"/>
            <a:r>
              <a:rPr lang="en-US" sz="1275" dirty="0"/>
              <a:t>Annie Xiang, Director of Products </a:t>
            </a:r>
          </a:p>
          <a:p>
            <a:r>
              <a:rPr lang="en-US" sz="1500" dirty="0"/>
              <a:t>Distributors in all key international markets</a:t>
            </a:r>
          </a:p>
          <a:p>
            <a:r>
              <a:rPr lang="en-US" sz="1500" dirty="0"/>
              <a:t>Quantum Economic Development Consortium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F97EF2-5460-E64F-AD2D-A818E614B73A}" type="slidenum">
              <a:rPr lang="en-US" b="0" smtClean="0"/>
              <a:pPr/>
              <a:t>5</a:t>
            </a:fld>
            <a:endParaRPr lang="en-US" b="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1FF6636-6F5B-DB49-B3E6-590A1316001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28275" y="5245374"/>
            <a:ext cx="2743200" cy="246888"/>
          </a:xfrm>
        </p:spPr>
        <p:txBody>
          <a:bodyPr/>
          <a:lstStyle/>
          <a:p>
            <a:r>
              <a:rPr lang="en-US" dirty="0"/>
              <a:t>May 2021</a:t>
            </a:r>
          </a:p>
        </p:txBody>
      </p:sp>
      <p:pic>
        <p:nvPicPr>
          <p:cNvPr id="7" name="Picture 6" descr="A picture containing text&#10;&#10;Description automatically generated">
            <a:extLst>
              <a:ext uri="{FF2B5EF4-FFF2-40B4-BE49-F238E27FC236}">
                <a16:creationId xmlns:a16="http://schemas.microsoft.com/office/drawing/2014/main" id="{EDDF43E2-156F-4EB8-BEDD-478FF7DB0D6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642422" y="884549"/>
            <a:ext cx="2057400" cy="411480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325163E9-D20B-E547-ADC1-05F121B7B82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620973" y="3835453"/>
            <a:ext cx="1240291" cy="1205352"/>
          </a:xfrm>
          <a:prstGeom prst="rect">
            <a:avLst/>
          </a:prstGeom>
        </p:spPr>
      </p:pic>
      <p:pic>
        <p:nvPicPr>
          <p:cNvPr id="9" name="Picture 8" descr="Transparent logo.pdf">
            <a:extLst>
              <a:ext uri="{FF2B5EF4-FFF2-40B4-BE49-F238E27FC236}">
                <a16:creationId xmlns:a16="http://schemas.microsoft.com/office/drawing/2014/main" id="{BEDD0EAB-C1F5-4844-A730-0DF480DB27D5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171475" y="5429249"/>
            <a:ext cx="2139287" cy="228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3244544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N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EyMywiRyI6NSwiQiI6O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i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zNyIsIkxpbmVDb2xvciI6bnVsbCwiTGluZVdlaWdodCI6MC4wLCJMaW5lVHlwZSI6MCwiUGFyZW50U3R5bGUiOm51bGx9LCJQYXJlbnRTdHlsZSI6bnVsbH0sIkRhdGVTdHlsZSI6eyIkaWQiOiIxMzgiLCJGb250U2V0dGluZ3MiOnsiJGlkIjoiMTM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TAiLCJMaW5lQ29sb3IiOm51bGwsIkxpbmVXZWlnaHQiOjAuMCwiTGluZVR5cGUiOjAsIlBhcmVudFN0eWxlIjpudWxsfSwiUGFyZW50U3R5bGUiOm51bGx9LCJEYXRlU3R5bGUiOnsiJGlkIjoiMTUxIiwiRm9udFNldHRpbmdzIjp7IiRpZCI6IjE1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jMiLCJMaW5lQ29sb3IiOm51bGwsIkxpbmVXZWlnaHQiOjAuMCwiTGluZVR5cGUiOjAsIlBhcmVudFN0eWxlIjpudWxsfSwiUGFyZW50U3R5bGUiOm51bGx9LCJEYXRlU3R5bGUiOnsiJGlkIjoiMTY0IiwiRm9udFNldHRpbmdzIjp7IiRpZCI6IjE2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YiLCJMaW5lQ29sb3IiOm51bGwsIkxpbmVXZWlnaHQiOjAuMCwiTGluZVR5cGUiOjAsIlBhcmVudFN0eWxlIjpudWxsfSwiUGFyZW50U3R5bGUiOm51bGx9LCJEYXRlU3R5bGUiOnsiJGlkIjoiMTc3IiwiRm9udFNldHRpbmdzIjp7IiRpZCI6IjE3O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wMiIsIkxpbmVDb2xvciI6bnVsbCwiTGluZVdlaWdodCI6MC4wLCJMaW5lVHlwZSI6MCwiUGFyZW50U3R5bGUiOm51bGx9LCJQYXJlbnRTdHlsZSI6bnVsbH0sIkRhdGVTdHlsZSI6eyIkaWQiOiIyMDMiLCJGb250U2V0dGluZ3MiOnsiJGlkIjoiMjA0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E1IiwiTGluZUNvbG9yIjpudWxsLCJMaW5lV2VpZ2h0IjowLjAsIkxpbmVUeXBlIjowLCJQYXJlbnRTdHlsZSI6bnVsbH0sIlBhcmVudFN0eWxlIjpudWxsfSwiRGF0ZVN0eWxlIjp7IiRpZCI6IjIxNiIsIkZvbnRTZXR0aW5ncyI6eyIkaWQiOiIyMT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MjgiLCJMaW5lQ29sb3IiOm51bGwsIkxpbmVXZWlnaHQiOjAuMCwiTGluZVR5cGUiOjAsIlBhcmVudFN0eWxlIjpudWxsfSwiUGFyZW50U3R5bGUiOm51bGx9LCJEYXRlU3R5bGUiOnsiJGlkIjoiMjI5IiwiRm9udFNldHRpbmdzIjp7IiRpZCI6IjIzM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NDEiLCJMaW5lQ29sb3IiOm51bGwsIkxpbmVXZWlnaHQiOjAuMCwiTGluZVR5cGUiOjAsIlBhcmVudFN0eWxlIjpudWxsfSwiUGFyZW50U3R5bGUiOm51bGx9LCJEYXRlU3R5bGUiOnsiJGlkIjoiMjQyIiwiRm9udFNldHRpbmdzIjp7IiRpZCI6IjI0M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I0OSIsIlVzZVRpbWUiOmZhbHNlLCJXb3JrRGF5U3RhcnQiOiIwMDowMDowMCIsIldvcmtEYXlFbmQiOiIyMzo1OTowMCJ9LCJMYXN0VXNlZFRlbXBsYXRlSWQiOiJjMTFmNmY0OS03ZGI4LTQ1ZmQtYmEzMi1iZmNhZWE0OTJmMz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10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1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12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13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14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15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16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17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18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19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2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20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2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22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23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24.xml.rels><?xml version="1.0" encoding="UTF-8" standalone="yes"?>
<Relationships xmlns="http://schemas.openxmlformats.org/package/2006/relationships"><Relationship Id="rId1" Type="http://schemas.openxmlformats.org/officeDocument/2006/relationships/image" Target="../media/image6.jpeg"/></Relationships>
</file>

<file path=ppt/theme/_rels/theme3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4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5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6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7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8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9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Overrid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6.jpeg"/></Relationships>
</file>

<file path=ppt/theme/theme1.xml><?xml version="1.0" encoding="utf-8"?>
<a:theme xmlns:a="http://schemas.openxmlformats.org/drawingml/2006/main" name="Bullets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Bullets">
      <a:majorFont>
        <a:latin typeface="Gill Sans Light"/>
        <a:ea typeface="ヒラギノ角ゴ ProN W3"/>
        <a:cs typeface="ヒラギノ角ゴ ProN W3"/>
      </a:majorFont>
      <a:minorFont>
        <a:latin typeface="Bradley Hand ITC TT-Bold"/>
        <a:ea typeface="ヒラギノ明朝 ProN W3"/>
        <a:cs typeface="ヒラギノ明朝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Bullets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0.xml><?xml version="1.0" encoding="utf-8"?>
<a:theme xmlns:a="http://schemas.openxmlformats.org/drawingml/2006/main" name="1_Blank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Blank">
      <a:majorFont>
        <a:latin typeface="Gill Sans Light"/>
        <a:ea typeface="ヒラギノ角ゴ ProN W3"/>
        <a:cs typeface="ヒラギノ角ゴ ProN W3"/>
      </a:majorFont>
      <a:minorFont>
        <a:latin typeface="Bradley Hand ITC TT-Bold"/>
        <a:ea typeface="ヒラギノ明朝 ProN W3"/>
        <a:cs typeface="ヒラギノ明朝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Blank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1.xml><?xml version="1.0" encoding="utf-8"?>
<a:theme xmlns:a="http://schemas.openxmlformats.org/drawingml/2006/main" name="1_Blank - Caption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Blank - Caption">
      <a:majorFont>
        <a:latin typeface="Gill Sans Light"/>
        <a:ea typeface="ヒラギノ角ゴ ProN W3"/>
        <a:cs typeface="ヒラギノ角ゴ ProN W3"/>
      </a:majorFont>
      <a:minorFont>
        <a:latin typeface="Bradley Hand ITC TT-Bold"/>
        <a:ea typeface="ヒラギノ明朝 ProN W3"/>
        <a:cs typeface="ヒラギノ明朝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Blank - Captio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2.xml><?xml version="1.0" encoding="utf-8"?>
<a:theme xmlns:a="http://schemas.openxmlformats.org/drawingml/2006/main" name="Photo - 3 Up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Photo - 3 Up">
      <a:majorFont>
        <a:latin typeface="Gill Sans Light"/>
        <a:ea typeface="ヒラギノ角ゴ ProN W3"/>
        <a:cs typeface="ヒラギノ角ゴ ProN W3"/>
      </a:majorFont>
      <a:minorFont>
        <a:latin typeface="Bradley Hand ITC TT-Bold"/>
        <a:ea typeface="ヒラギノ明朝 ProN W3"/>
        <a:cs typeface="ヒラギノ明朝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Photo - 3 Up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3.xml><?xml version="1.0" encoding="utf-8"?>
<a:theme xmlns:a="http://schemas.openxmlformats.org/drawingml/2006/main" name="1_Title - Top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Title - Top">
      <a:majorFont>
        <a:latin typeface="Gill Sans Light"/>
        <a:ea typeface="ヒラギノ角ゴ ProN W3"/>
        <a:cs typeface="ヒラギノ角ゴ ProN W3"/>
      </a:majorFont>
      <a:minorFont>
        <a:latin typeface="Bradley Hand ITC TT-Bold"/>
        <a:ea typeface="ヒラギノ明朝 ProN W3"/>
        <a:cs typeface="ヒラギノ明朝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Title - Top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4.xml><?xml version="1.0" encoding="utf-8"?>
<a:theme xmlns:a="http://schemas.openxmlformats.org/drawingml/2006/main" name="Title - Center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Title - Center">
      <a:majorFont>
        <a:latin typeface="Gill Sans Light"/>
        <a:ea typeface="ヒラギノ角ゴ ProN W3"/>
        <a:cs typeface="ヒラギノ角ゴ ProN W3"/>
      </a:majorFont>
      <a:minorFont>
        <a:latin typeface="Bradley Hand ITC TT-Bold"/>
        <a:ea typeface="ヒラギノ明朝 ProN W3"/>
        <a:cs typeface="ヒラギノ明朝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Title - Center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5.xml><?xml version="1.0" encoding="utf-8"?>
<a:theme xmlns:a="http://schemas.openxmlformats.org/drawingml/2006/main" name="Photo - Horizontal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Photo - Horizontal">
      <a:majorFont>
        <a:latin typeface="Gill Sans Light"/>
        <a:ea typeface="ヒラギノ角ゴ ProN W3"/>
        <a:cs typeface="ヒラギノ角ゴ ProN W3"/>
      </a:majorFont>
      <a:minorFont>
        <a:latin typeface="Bradley Hand ITC TT-Bold"/>
        <a:ea typeface="ヒラギノ明朝 ProN W3"/>
        <a:cs typeface="ヒラギノ明朝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Photo - Horizontal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6.xml><?xml version="1.0" encoding="utf-8"?>
<a:theme xmlns:a="http://schemas.openxmlformats.org/drawingml/2006/main" name="1_Photo - Horizontal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Photo - Horizontal">
      <a:majorFont>
        <a:latin typeface="Gill Sans Light"/>
        <a:ea typeface="ヒラギノ角ゴ ProN W3"/>
        <a:cs typeface="ヒラギノ角ゴ ProN W3"/>
      </a:majorFont>
      <a:minorFont>
        <a:latin typeface="Bradley Hand ITC TT-Bold"/>
        <a:ea typeface="ヒラギノ明朝 ProN W3"/>
        <a:cs typeface="ヒラギノ明朝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Photo - Horizontal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7.xml><?xml version="1.0" encoding="utf-8"?>
<a:theme xmlns:a="http://schemas.openxmlformats.org/drawingml/2006/main" name="1_Title &amp; Bullets - Left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Title &amp; Bullets - Left">
      <a:majorFont>
        <a:latin typeface="Gill Sans Light"/>
        <a:ea typeface="ヒラギノ角ゴ ProN W3"/>
        <a:cs typeface="ヒラギノ角ゴ ProN W3"/>
      </a:majorFont>
      <a:minorFont>
        <a:latin typeface="Bradley Hand ITC TT-Bold"/>
        <a:ea typeface="ヒラギノ明朝 ProN W3"/>
        <a:cs typeface="ヒラギノ明朝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Title &amp; Bullets - Left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8.xml><?xml version="1.0" encoding="utf-8"?>
<a:theme xmlns:a="http://schemas.openxmlformats.org/drawingml/2006/main" name="Title &amp; Bullets - Right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Title &amp; Bullets - Right">
      <a:majorFont>
        <a:latin typeface="Gill Sans Light"/>
        <a:ea typeface="ヒラギノ角ゴ ProN W3"/>
        <a:cs typeface="ヒラギノ角ゴ ProN W3"/>
      </a:majorFont>
      <a:minorFont>
        <a:latin typeface="Bradley Hand ITC TT-Bold"/>
        <a:ea typeface="ヒラギノ明朝 ProN W3"/>
        <a:cs typeface="ヒラギノ明朝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Title &amp; Bullets - Right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9.xml><?xml version="1.0" encoding="utf-8"?>
<a:theme xmlns:a="http://schemas.openxmlformats.org/drawingml/2006/main" name="Master #28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Master #28">
      <a:majorFont>
        <a:latin typeface="Gill Sans Light"/>
        <a:ea typeface="ヒラギノ角ゴ ProN W3"/>
        <a:cs typeface="ヒラギノ角ゴ ProN W3"/>
      </a:majorFont>
      <a:minorFont>
        <a:latin typeface="Bradley Hand ITC TT-Bold"/>
        <a:ea typeface="ヒラギノ明朝 ProN W3"/>
        <a:cs typeface="ヒラギノ明朝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Master #28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Blank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Blank">
      <a:majorFont>
        <a:latin typeface="Gill Sans Light"/>
        <a:ea typeface="ヒラギノ角ゴ ProN W3"/>
        <a:cs typeface="ヒラギノ角ゴ ProN W3"/>
      </a:majorFont>
      <a:minorFont>
        <a:latin typeface="Bradley Hand ITC TT-Bold"/>
        <a:ea typeface="ヒラギノ明朝 ProN W3"/>
        <a:cs typeface="ヒラギノ明朝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Blank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0.xml><?xml version="1.0" encoding="utf-8"?>
<a:theme xmlns:a="http://schemas.openxmlformats.org/drawingml/2006/main" name="1_Title &amp; Bullets - Right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Title &amp; Bullets - Right">
      <a:majorFont>
        <a:latin typeface="Gill Sans Light"/>
        <a:ea typeface="ヒラギノ角ゴ ProN W3"/>
        <a:cs typeface="ヒラギノ角ゴ ProN W3"/>
      </a:majorFont>
      <a:minorFont>
        <a:latin typeface="Bradley Hand ITC TT-Bold"/>
        <a:ea typeface="ヒラギノ明朝 ProN W3"/>
        <a:cs typeface="ヒラギノ明朝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Title &amp; Bullets - Right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1.xml><?xml version="1.0" encoding="utf-8"?>
<a:theme xmlns:a="http://schemas.openxmlformats.org/drawingml/2006/main" name="1_Title, Bullets &amp; Photo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Title, Bullets &amp; Photo">
      <a:majorFont>
        <a:latin typeface="Gill Sans Light"/>
        <a:ea typeface="ヒラギノ角ゴ ProN W3"/>
        <a:cs typeface="ヒラギノ角ゴ ProN W3"/>
      </a:majorFont>
      <a:minorFont>
        <a:latin typeface="Gill Sans"/>
        <a:ea typeface="ヒラギノ角ゴ ProN W3"/>
        <a:cs typeface="ヒラギノ角ゴ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Title, Bullets &amp; Photo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2.xml><?xml version="1.0" encoding="utf-8"?>
<a:theme xmlns:a="http://schemas.openxmlformats.org/drawingml/2006/main" name="1_Title - Center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Title - Center">
      <a:majorFont>
        <a:latin typeface="Gill Sans Light"/>
        <a:ea typeface="ヒラギノ角ゴ ProN W3"/>
        <a:cs typeface="ヒラギノ角ゴ ProN W3"/>
      </a:majorFont>
      <a:minorFont>
        <a:latin typeface="Bradley Hand ITC TT-Bold"/>
        <a:ea typeface="ヒラギノ明朝 ProN W3"/>
        <a:cs typeface="ヒラギノ明朝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Title - Center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3.xml><?xml version="1.0" encoding="utf-8"?>
<a:theme xmlns:a="http://schemas.openxmlformats.org/drawingml/2006/main" name="Title, Bullets &amp; Photo copy 2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Title, Bullets &amp; Photo copy 2">
      <a:majorFont>
        <a:latin typeface="Gill Sans Light"/>
        <a:ea typeface="ヒラギノ角ゴ ProN W3"/>
        <a:cs typeface="ヒラギノ角ゴ ProN W3"/>
      </a:majorFont>
      <a:minorFont>
        <a:latin typeface="Gill Sans"/>
        <a:ea typeface="ヒラギノ角ゴ ProN W3"/>
        <a:cs typeface="ヒラギノ角ゴ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Title, Bullets &amp; Photo copy 2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4.xml><?xml version="1.0" encoding="utf-8"?>
<a:theme xmlns:a="http://schemas.openxmlformats.org/drawingml/2006/main" name="1_Flow">
  <a:themeElements>
    <a:clrScheme name="Flow">
      <a:dk1>
        <a:sysClr val="windowText" lastClr="000000"/>
      </a:dk1>
      <a:lt1>
        <a:sysClr val="window" lastClr="FFFFFF"/>
      </a:lt1>
      <a:dk2>
        <a:srgbClr val="04617B"/>
      </a:dk2>
      <a:lt2>
        <a:srgbClr val="DBF5F9"/>
      </a:lt2>
      <a:accent1>
        <a:srgbClr val="0F6FC6"/>
      </a:accent1>
      <a:accent2>
        <a:srgbClr val="009DD9"/>
      </a:accent2>
      <a:accent3>
        <a:srgbClr val="0BD0D9"/>
      </a:accent3>
      <a:accent4>
        <a:srgbClr val="10CF9B"/>
      </a:accent4>
      <a:accent5>
        <a:srgbClr val="7CCA62"/>
      </a:accent5>
      <a:accent6>
        <a:srgbClr val="A5C249"/>
      </a:accent6>
      <a:hlink>
        <a:srgbClr val="F49100"/>
      </a:hlink>
      <a:folHlink>
        <a:srgbClr val="85DFD0"/>
      </a:folHlink>
    </a:clrScheme>
    <a:fontScheme name="Flow">
      <a:majorFont>
        <a:latin typeface="Calibri"/>
        <a:ea typeface=""/>
        <a:cs typeface=""/>
        <a:font script="Jpan" typeface="ＭＳ Ｐゴシック"/>
        <a:font script="Hang" typeface="HY중고딕"/>
        <a:font script="Hans" typeface="隶书"/>
        <a:font script="Hant" typeface="微軟正黑體"/>
        <a:font script="Arab" typeface="Traditional Arabic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Constantia"/>
        <a:ea typeface=""/>
        <a:cs typeface=""/>
        <a:font script="Jpan" typeface="HGP明朝E"/>
        <a:font script="Hang" typeface="HY신명조"/>
        <a:font script="Hans" typeface="宋体"/>
        <a:font script="Hant" typeface="新細明體"/>
        <a:font script="Arab" typeface="Majalla UI"/>
        <a:font script="Hebr" typeface="David"/>
        <a:font script="Thai" typeface="Browalli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inorFont>
    </a:fontScheme>
    <a:fmtScheme name="Flow">
      <a:fillStyleLst>
        <a:solidFill>
          <a:schemeClr val="phClr"/>
        </a:solidFill>
        <a:gradFill rotWithShape="1">
          <a:gsLst>
            <a:gs pos="0">
              <a:schemeClr val="phClr">
                <a:tint val="70000"/>
                <a:satMod val="130000"/>
              </a:schemeClr>
            </a:gs>
            <a:gs pos="43000">
              <a:schemeClr val="phClr">
                <a:tint val="44000"/>
                <a:satMod val="165000"/>
              </a:schemeClr>
            </a:gs>
            <a:gs pos="93000">
              <a:schemeClr val="phClr">
                <a:tint val="15000"/>
                <a:satMod val="165000"/>
              </a:schemeClr>
            </a:gs>
            <a:gs pos="100000">
              <a:schemeClr val="phClr">
                <a:tint val="5000"/>
                <a:satMod val="250000"/>
              </a:schemeClr>
            </a:gs>
          </a:gsLst>
          <a:path path="circle">
            <a:fillToRect l="50000" t="130000" r="50000" b="-30000"/>
          </a:path>
        </a:gradFill>
        <a:gradFill rotWithShape="1">
          <a:gsLst>
            <a:gs pos="0">
              <a:schemeClr val="phClr">
                <a:tint val="98000"/>
                <a:shade val="25000"/>
                <a:satMod val="250000"/>
              </a:schemeClr>
            </a:gs>
            <a:gs pos="68000">
              <a:schemeClr val="phClr">
                <a:tint val="86000"/>
                <a:satMod val="115000"/>
              </a:schemeClr>
            </a:gs>
            <a:gs pos="100000">
              <a:schemeClr val="phClr">
                <a:tint val="50000"/>
                <a:satMod val="150000"/>
              </a:schemeClr>
            </a:gs>
          </a:gsLst>
          <a:path path="circle">
            <a:fillToRect l="50000" t="130000" r="50000" b="-30000"/>
          </a:path>
        </a:gradFill>
      </a:fillStyleLst>
      <a:lnStyleLst>
        <a:ln w="9525" cap="flat" cmpd="sng" algn="ctr">
          <a:solidFill>
            <a:schemeClr val="phClr">
              <a:shade val="50000"/>
              <a:satMod val="103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57150" dist="38100" dir="5400000" algn="ctr" rotWithShape="0">
              <a:schemeClr val="phClr">
                <a:shade val="9000"/>
                <a:alpha val="48000"/>
                <a:satMod val="105000"/>
              </a:schemeClr>
            </a:outerShdw>
          </a:effectLst>
        </a:effectStyle>
        <a:effectStyle>
          <a:effectLst>
            <a:outerShdw blurRad="57150" dist="38100" dir="5400000" algn="ctr" rotWithShape="0">
              <a:schemeClr val="phClr">
                <a:shade val="9000"/>
                <a:alpha val="48000"/>
                <a:satMod val="105000"/>
              </a:schemeClr>
            </a:outerShdw>
          </a:effectLst>
        </a:effectStyle>
        <a:effectStyle>
          <a:effectLst>
            <a:outerShdw blurRad="57150" dist="38100" dir="5400000" algn="ctr" rotWithShape="0">
              <a:schemeClr val="phClr">
                <a:shade val="9000"/>
                <a:alpha val="48000"/>
                <a:satMod val="105000"/>
              </a:schemeClr>
            </a:outerShdw>
          </a:effectLst>
          <a:scene3d>
            <a:camera prst="orthographicFront">
              <a:rot lat="0" lon="0" rev="0"/>
            </a:camera>
            <a:lightRig rig="glow" dir="tl">
              <a:rot lat="0" lon="0" rev="900000"/>
            </a:lightRig>
          </a:scene3d>
          <a:sp3d prstMaterial="powder">
            <a:bevelT w="25400" h="381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80000"/>
                <a:satMod val="400000"/>
              </a:schemeClr>
            </a:gs>
            <a:gs pos="25000">
              <a:schemeClr val="phClr">
                <a:tint val="83000"/>
                <a:satMod val="320000"/>
              </a:schemeClr>
            </a:gs>
            <a:gs pos="100000">
              <a:schemeClr val="phClr">
                <a:shade val="15000"/>
                <a:satMod val="320000"/>
              </a:schemeClr>
            </a:gs>
          </a:gsLst>
          <a:path path="circle">
            <a:fillToRect l="10000" t="110000" r="10000" b="100000"/>
          </a:path>
        </a:gradFill>
        <a:blipFill>
          <a:blip xmlns:r="http://schemas.openxmlformats.org/officeDocument/2006/relationships" r:embed="rId1">
            <a:duotone>
              <a:schemeClr val="phClr">
                <a:shade val="90000"/>
                <a:satMod val="150000"/>
              </a:schemeClr>
              <a:schemeClr val="phClr">
                <a:tint val="88000"/>
                <a:satMod val="150000"/>
              </a:schemeClr>
            </a:duotone>
          </a:blip>
          <a:tile tx="0" ty="0" sx="65000" sy="65000" flip="none" algn="tl"/>
        </a:blipFill>
      </a:bgFillStyleLst>
    </a:fmtScheme>
  </a:themeElements>
  <a:objectDefaults/>
  <a:extraClrSchemeLst/>
</a:theme>
</file>

<file path=ppt/theme/theme2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Title &amp; Bullets - Left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Title &amp; Bullets - Left">
      <a:majorFont>
        <a:latin typeface="Gill Sans Light"/>
        <a:ea typeface="ヒラギノ角ゴ ProN W3"/>
        <a:cs typeface="ヒラギノ角ゴ ProN W3"/>
      </a:majorFont>
      <a:minorFont>
        <a:latin typeface="Bradley Hand ITC TT-Bold"/>
        <a:ea typeface="ヒラギノ明朝 ProN W3"/>
        <a:cs typeface="ヒラギノ明朝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Title &amp; Bullets - Left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4.xml><?xml version="1.0" encoding="utf-8"?>
<a:theme xmlns:a="http://schemas.openxmlformats.org/drawingml/2006/main" name="Photo - 2 Up + Bullets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Photo - 2 Up + Bullets">
      <a:majorFont>
        <a:latin typeface="Gill Sans Light"/>
        <a:ea typeface="ヒラギノ角ゴ ProN W3"/>
        <a:cs typeface="ヒラギノ角ゴ ProN W3"/>
      </a:majorFont>
      <a:minorFont>
        <a:latin typeface="Bradley Hand ITC TT-Bold"/>
        <a:ea typeface="ヒラギノ明朝 ProN W3"/>
        <a:cs typeface="ヒラギノ明朝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Photo - 2 Up + Bullets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5.xml><?xml version="1.0" encoding="utf-8"?>
<a:theme xmlns:a="http://schemas.openxmlformats.org/drawingml/2006/main" name="Blank - Caption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Blank - Caption">
      <a:majorFont>
        <a:latin typeface="Gill Sans Light"/>
        <a:ea typeface="ヒラギノ角ゴ ProN W3"/>
        <a:cs typeface="ヒラギノ角ゴ ProN W3"/>
      </a:majorFont>
      <a:minorFont>
        <a:latin typeface="Bradley Hand ITC TT-Bold"/>
        <a:ea typeface="ヒラギノ明朝 ProN W3"/>
        <a:cs typeface="ヒラギノ明朝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Blank - Captio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6.xml><?xml version="1.0" encoding="utf-8"?>
<a:theme xmlns:a="http://schemas.openxmlformats.org/drawingml/2006/main" name="1_Title &amp; Subtitle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Title &amp; Subtitle">
      <a:majorFont>
        <a:latin typeface="Gill Sans Light"/>
        <a:ea typeface="ヒラギノ角ゴ ProN W3"/>
        <a:cs typeface="ヒラギノ角ゴ ProN W3"/>
      </a:majorFont>
      <a:minorFont>
        <a:latin typeface="Bradley Hand ITC TT-Bold"/>
        <a:ea typeface="ヒラギノ明朝 ProN W3"/>
        <a:cs typeface="ヒラギノ明朝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Title &amp; Subtitle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7.xml><?xml version="1.0" encoding="utf-8"?>
<a:theme xmlns:a="http://schemas.openxmlformats.org/drawingml/2006/main" name="1_Title &amp; Bullets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Title &amp; Bullets">
      <a:majorFont>
        <a:latin typeface="Gill Sans Light"/>
        <a:ea typeface="ヒラギノ角ゴ ProN W3"/>
        <a:cs typeface="ヒラギノ角ゴ ProN W3"/>
      </a:majorFont>
      <a:minorFont>
        <a:latin typeface="Bradley Hand ITC TT-Bold"/>
        <a:ea typeface="ヒラギノ明朝 ProN W3"/>
        <a:cs typeface="ヒラギノ明朝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Title &amp; Bullets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8.xml><?xml version="1.0" encoding="utf-8"?>
<a:theme xmlns:a="http://schemas.openxmlformats.org/drawingml/2006/main" name="1_Title &amp; Bullets - 2 Column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Title &amp; Bullets - 2 Column">
      <a:majorFont>
        <a:latin typeface="Gill Sans Light"/>
        <a:ea typeface="ヒラギノ角ゴ ProN W3"/>
        <a:cs typeface="ヒラギノ角ゴ ProN W3"/>
      </a:majorFont>
      <a:minorFont>
        <a:latin typeface="Gill Sans"/>
        <a:ea typeface="ヒラギノ角ゴ ProN W3"/>
        <a:cs typeface="ヒラギノ角ゴ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Title &amp; Bullets - 2 Colum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9.xml><?xml version="1.0" encoding="utf-8"?>
<a:theme xmlns:a="http://schemas.openxmlformats.org/drawingml/2006/main" name="1_Bullets">
  <a:themeElements>
    <a:clrScheme name="">
      <a:dk1>
        <a:srgbClr val="49433E"/>
      </a:dk1>
      <a:lt1>
        <a:srgbClr val="B6BCC1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D7DADD"/>
      </a:accent3>
      <a:accent4>
        <a:srgbClr val="3D3834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Bullets">
      <a:majorFont>
        <a:latin typeface="Gill Sans Light"/>
        <a:ea typeface="ヒラギノ角ゴ ProN W3"/>
        <a:cs typeface="ヒラギノ角ゴ ProN W3"/>
      </a:majorFont>
      <a:minorFont>
        <a:latin typeface="Bradley Hand ITC TT-Bold"/>
        <a:ea typeface="ヒラギノ明朝 ProN W3"/>
        <a:cs typeface="ヒラギノ明朝 ProN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blipFill dpi="0" rotWithShape="0">
          <a:blip xmlns:r="http://schemas.openxmlformats.org/officeDocument/2006/relationships" r:embed="rId1"/>
          <a:srcRect/>
          <a:tile tx="0" ty="0" sx="100000" sy="100000" flip="none" algn="tl"/>
        </a:blipFill>
        <a:ln w="12700" cap="flat" cmpd="sng" algn="ctr">
          <a:solidFill>
            <a:srgbClr val="4B4B4B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="" xmlns:a14="http://schemas.microsoft.com/office/drawing/2010/main">
              <a:effectLst>
                <a:outerShdw blurRad="63500" dist="38099" dir="2700000" algn="ctr" rotWithShape="0">
                  <a:schemeClr val="bg2">
                    <a:alpha val="74998"/>
                  </a:schemeClr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4000" b="0" i="0" u="none" strike="noStrike" cap="none" normalizeH="0" baseline="0">
            <a:ln>
              <a:noFill/>
            </a:ln>
            <a:solidFill>
              <a:srgbClr val="49433E"/>
            </a:solidFill>
            <a:effectLst/>
            <a:latin typeface="Bradley Hand ITC TT-Bold" charset="0"/>
            <a:ea typeface="ヒラギノ明朝 ProN W3" charset="0"/>
            <a:cs typeface="ヒラギノ明朝 ProN W3" charset="0"/>
            <a:sym typeface="Bradley Hand ITC TT-Bold" charset="0"/>
          </a:defRPr>
        </a:defPPr>
      </a:lstStyle>
    </a:lnDef>
  </a:objectDefaults>
  <a:extraClrSchemeLst>
    <a:extraClrScheme>
      <a:clrScheme name="Bullets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Override1.xml><?xml version="1.0" encoding="utf-8"?>
<a:themeOverride xmlns:a="http://schemas.openxmlformats.org/drawingml/2006/main">
  <a:clrScheme name="Flow">
    <a:dk1>
      <a:sysClr val="windowText" lastClr="000000"/>
    </a:dk1>
    <a:lt1>
      <a:sysClr val="window" lastClr="FFFFFF"/>
    </a:lt1>
    <a:dk2>
      <a:srgbClr val="04617B"/>
    </a:dk2>
    <a:lt2>
      <a:srgbClr val="DBF5F9"/>
    </a:lt2>
    <a:accent1>
      <a:srgbClr val="0F6FC6"/>
    </a:accent1>
    <a:accent2>
      <a:srgbClr val="009DD9"/>
    </a:accent2>
    <a:accent3>
      <a:srgbClr val="0BD0D9"/>
    </a:accent3>
    <a:accent4>
      <a:srgbClr val="10CF9B"/>
    </a:accent4>
    <a:accent5>
      <a:srgbClr val="7CCA62"/>
    </a:accent5>
    <a:accent6>
      <a:srgbClr val="A5C249"/>
    </a:accent6>
    <a:hlink>
      <a:srgbClr val="F49100"/>
    </a:hlink>
    <a:folHlink>
      <a:srgbClr val="85DFD0"/>
    </a:folHlink>
  </a:clrScheme>
  <a:fontScheme name="Flow">
    <a:majorFont>
      <a:latin typeface="Calibri"/>
      <a:ea typeface=""/>
      <a:cs typeface=""/>
      <a:font script="Jpan" typeface="ＭＳ Ｐゴシック"/>
      <a:font script="Hang" typeface="HY중고딕"/>
      <a:font script="Hans" typeface="隶书"/>
      <a:font script="Hant" typeface="微軟正黑體"/>
      <a:font script="Arab" typeface="Traditional Arabic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</a:majorFont>
    <a:minorFont>
      <a:latin typeface="Constantia"/>
      <a:ea typeface=""/>
      <a:cs typeface=""/>
      <a:font script="Jpan" typeface="HGP明朝E"/>
      <a:font script="Hang" typeface="HY신명조"/>
      <a:font script="Hans" typeface="宋体"/>
      <a:font script="Hant" typeface="新細明體"/>
      <a:font script="Arab" typeface="Majalla UI"/>
      <a:font script="Hebr" typeface="David"/>
      <a:font script="Thai" typeface="Browallia New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</a:minorFont>
  </a:fontScheme>
  <a:fmtScheme name="Flow">
    <a:fillStyleLst>
      <a:solidFill>
        <a:schemeClr val="phClr"/>
      </a:solidFill>
      <a:gradFill rotWithShape="1">
        <a:gsLst>
          <a:gs pos="0">
            <a:schemeClr val="phClr">
              <a:tint val="70000"/>
              <a:satMod val="130000"/>
            </a:schemeClr>
          </a:gs>
          <a:gs pos="43000">
            <a:schemeClr val="phClr">
              <a:tint val="44000"/>
              <a:satMod val="165000"/>
            </a:schemeClr>
          </a:gs>
          <a:gs pos="93000">
            <a:schemeClr val="phClr">
              <a:tint val="15000"/>
              <a:satMod val="165000"/>
            </a:schemeClr>
          </a:gs>
          <a:gs pos="100000">
            <a:schemeClr val="phClr">
              <a:tint val="5000"/>
              <a:satMod val="250000"/>
            </a:schemeClr>
          </a:gs>
        </a:gsLst>
        <a:path path="circle">
          <a:fillToRect l="50000" t="130000" r="50000" b="-30000"/>
        </a:path>
      </a:gradFill>
      <a:gradFill rotWithShape="1">
        <a:gsLst>
          <a:gs pos="0">
            <a:schemeClr val="phClr">
              <a:tint val="98000"/>
              <a:shade val="25000"/>
              <a:satMod val="250000"/>
            </a:schemeClr>
          </a:gs>
          <a:gs pos="68000">
            <a:schemeClr val="phClr">
              <a:tint val="86000"/>
              <a:satMod val="115000"/>
            </a:schemeClr>
          </a:gs>
          <a:gs pos="100000">
            <a:schemeClr val="phClr">
              <a:tint val="50000"/>
              <a:satMod val="150000"/>
            </a:schemeClr>
          </a:gs>
        </a:gsLst>
        <a:path path="circle">
          <a:fillToRect l="50000" t="130000" r="50000" b="-30000"/>
        </a:path>
      </a:gradFill>
    </a:fillStyleLst>
    <a:lnStyleLst>
      <a:ln w="9525" cap="flat" cmpd="sng" algn="ctr">
        <a:solidFill>
          <a:schemeClr val="phClr">
            <a:shade val="50000"/>
            <a:satMod val="103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57150" dist="38100" dir="5400000" algn="ctr" rotWithShape="0">
            <a:schemeClr val="phClr">
              <a:shade val="9000"/>
              <a:alpha val="48000"/>
              <a:satMod val="105000"/>
            </a:schemeClr>
          </a:outerShdw>
        </a:effectLst>
      </a:effectStyle>
      <a:effectStyle>
        <a:effectLst>
          <a:outerShdw blurRad="57150" dist="38100" dir="5400000" algn="ctr" rotWithShape="0">
            <a:schemeClr val="phClr">
              <a:shade val="9000"/>
              <a:alpha val="48000"/>
              <a:satMod val="105000"/>
            </a:schemeClr>
          </a:outerShdw>
        </a:effectLst>
      </a:effectStyle>
      <a:effectStyle>
        <a:effectLst>
          <a:outerShdw blurRad="57150" dist="38100" dir="5400000" algn="ctr" rotWithShape="0">
            <a:schemeClr val="phClr">
              <a:shade val="9000"/>
              <a:alpha val="48000"/>
              <a:satMod val="105000"/>
            </a:schemeClr>
          </a:outerShdw>
        </a:effectLst>
        <a:scene3d>
          <a:camera prst="orthographicFront">
            <a:rot lat="0" lon="0" rev="0"/>
          </a:camera>
          <a:lightRig rig="glow" dir="tl">
            <a:rot lat="0" lon="0" rev="900000"/>
          </a:lightRig>
        </a:scene3d>
        <a:sp3d prstMaterial="powder">
          <a:bevelT w="25400" h="381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80000"/>
              <a:satMod val="400000"/>
            </a:schemeClr>
          </a:gs>
          <a:gs pos="25000">
            <a:schemeClr val="phClr">
              <a:tint val="83000"/>
              <a:satMod val="320000"/>
            </a:schemeClr>
          </a:gs>
          <a:gs pos="100000">
            <a:schemeClr val="phClr">
              <a:shade val="15000"/>
              <a:satMod val="320000"/>
            </a:schemeClr>
          </a:gs>
        </a:gsLst>
        <a:path path="circle">
          <a:fillToRect l="10000" t="110000" r="10000" b="100000"/>
        </a:path>
      </a:gradFill>
      <a:blipFill>
        <a:blip xmlns:r="http://schemas.openxmlformats.org/officeDocument/2006/relationships" r:embed="rId1">
          <a:duotone>
            <a:schemeClr val="phClr">
              <a:shade val="90000"/>
              <a:satMod val="150000"/>
            </a:schemeClr>
            <a:schemeClr val="phClr">
              <a:tint val="88000"/>
              <a:satMod val="150000"/>
            </a:schemeClr>
          </a:duotone>
        </a:blip>
        <a:tile tx="0" ty="0" sx="65000" sy="65000" flip="none" algn="tl"/>
      </a:blip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37686</TotalTime>
  <Pages>0</Pages>
  <Words>370</Words>
  <Characters>0</Characters>
  <Application>Microsoft Office PowerPoint</Application>
  <PresentationFormat>On-screen Show (16:10)</PresentationFormat>
  <Lines>0</Lines>
  <Paragraphs>115</Paragraphs>
  <Slides>5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24</vt:i4>
      </vt:variant>
      <vt:variant>
        <vt:lpstr>Slide Titles</vt:lpstr>
      </vt:variant>
      <vt:variant>
        <vt:i4>5</vt:i4>
      </vt:variant>
    </vt:vector>
  </HeadingPairs>
  <TitlesOfParts>
    <vt:vector size="39" baseType="lpstr">
      <vt:lpstr>Bradley Hand ITC TT-Bold</vt:lpstr>
      <vt:lpstr>Gill Sans Light</vt:lpstr>
      <vt:lpstr>Helvetica Neue</vt:lpstr>
      <vt:lpstr>Helvetica Neue Regular</vt:lpstr>
      <vt:lpstr>Arial</vt:lpstr>
      <vt:lpstr>Calibri</vt:lpstr>
      <vt:lpstr>Constantia</vt:lpstr>
      <vt:lpstr>Constantia Bold Italic</vt:lpstr>
      <vt:lpstr>Helvetica</vt:lpstr>
      <vt:lpstr>Wingdings 2</vt:lpstr>
      <vt:lpstr>Bullets</vt:lpstr>
      <vt:lpstr>Blank</vt:lpstr>
      <vt:lpstr>Title &amp; Bullets - Left</vt:lpstr>
      <vt:lpstr>Photo - 2 Up + Bullets</vt:lpstr>
      <vt:lpstr>Blank - Caption</vt:lpstr>
      <vt:lpstr>1_Title &amp; Subtitle</vt:lpstr>
      <vt:lpstr>1_Title &amp; Bullets</vt:lpstr>
      <vt:lpstr>1_Title &amp; Bullets - 2 Column</vt:lpstr>
      <vt:lpstr>1_Bullets</vt:lpstr>
      <vt:lpstr>1_Blank</vt:lpstr>
      <vt:lpstr>1_Blank - Caption</vt:lpstr>
      <vt:lpstr>Photo - 3 Up</vt:lpstr>
      <vt:lpstr>1_Title - Top</vt:lpstr>
      <vt:lpstr>Title - Center</vt:lpstr>
      <vt:lpstr>Photo - Horizontal</vt:lpstr>
      <vt:lpstr>1_Photo - Horizontal</vt:lpstr>
      <vt:lpstr>1_Title &amp; Bullets - Left</vt:lpstr>
      <vt:lpstr>Title &amp; Bullets - Right</vt:lpstr>
      <vt:lpstr>Master #28</vt:lpstr>
      <vt:lpstr>1_Title &amp; Bullets - Right</vt:lpstr>
      <vt:lpstr>1_Title, Bullets &amp; Photo</vt:lpstr>
      <vt:lpstr>1_Title - Center</vt:lpstr>
      <vt:lpstr>Title, Bullets &amp; Photo copy 2</vt:lpstr>
      <vt:lpstr>1_Flow</vt:lpstr>
      <vt:lpstr>PowerPoint Presentation</vt:lpstr>
      <vt:lpstr>We start with the gain medium…</vt:lpstr>
      <vt:lpstr>Photodigm DBR lasers: a Platform Technology</vt:lpstr>
      <vt:lpstr>PowerPoint Presentation</vt:lpstr>
      <vt:lpstr>Support Strategy  – to be wherever our customer i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he Laser is the Instrument   The Performance Advantage of  Photodigm DBR Lasers</dc:title>
  <dc:creator>emoreno</dc:creator>
  <cp:lastModifiedBy>AXiang</cp:lastModifiedBy>
  <cp:revision>356</cp:revision>
  <cp:lastPrinted>2021-05-26T17:17:11Z</cp:lastPrinted>
  <dcterms:modified xsi:type="dcterms:W3CDTF">2021-05-27T15:48:09Z</dcterms:modified>
</cp:coreProperties>
</file>